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4"/>
  </p:sldMasterIdLst>
  <p:notesMasterIdLst>
    <p:notesMasterId r:id="rId22"/>
  </p:notesMasterIdLst>
  <p:handoutMasterIdLst>
    <p:handoutMasterId r:id="rId23"/>
  </p:handoutMasterIdLst>
  <p:sldIdLst>
    <p:sldId id="364" r:id="rId15"/>
    <p:sldId id="435" r:id="rId16"/>
    <p:sldId id="367" r:id="rId17"/>
    <p:sldId id="436" r:id="rId18"/>
    <p:sldId id="438" r:id="rId19"/>
    <p:sldId id="437" r:id="rId20"/>
    <p:sldId id="363" r:id="rId21"/>
  </p:sldIdLst>
  <p:sldSz cx="12192000" cy="6858000"/>
  <p:notesSz cx="6858000" cy="9144000"/>
  <p:embeddedFontLst>
    <p:embeddedFont>
      <p:font typeface="Veidekke Favorit Offc" panose="020B0604020202020204" charset="0"/>
      <p:regular r:id="rId24"/>
      <p:bold r:id="rId25"/>
      <p:italic r:id="rId26"/>
      <p:boldItalic r:id="rId27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B4D23B7-475D-6474-7145-1E84660C2A6F}" v="21" dt="2026-06-23T08:02:29.232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7" autoAdjust="0"/>
    <p:restoredTop sz="94741" autoAdjust="0"/>
  </p:normalViewPr>
  <p:slideViewPr>
    <p:cSldViewPr snapToGrid="0" showGuides="1">
      <p:cViewPr varScale="1">
        <p:scale>
          <a:sx n="90" d="100"/>
          <a:sy n="90" d="100"/>
        </p:scale>
        <p:origin x="202" y="67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0" d="100"/>
          <a:sy n="90" d="100"/>
        </p:scale>
        <p:origin x="2826" y="9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slide" Target="slides/slide4.xml"/><Relationship Id="rId26" Type="http://schemas.openxmlformats.org/officeDocument/2006/relationships/font" Target="fonts/font3.fntdata"/><Relationship Id="rId3" Type="http://schemas.openxmlformats.org/officeDocument/2006/relationships/customXml" Target="../customXml/item3.xml"/><Relationship Id="rId21" Type="http://schemas.openxmlformats.org/officeDocument/2006/relationships/slide" Target="slides/slide7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3.xml"/><Relationship Id="rId25" Type="http://schemas.openxmlformats.org/officeDocument/2006/relationships/font" Target="fonts/font2.fntdata"/><Relationship Id="rId33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2.xml"/><Relationship Id="rId20" Type="http://schemas.openxmlformats.org/officeDocument/2006/relationships/slide" Target="slides/slide6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font" Target="fonts/font1.fntdata"/><Relationship Id="rId32" Type="http://schemas.microsoft.com/office/2016/11/relationships/changesInfo" Target="changesInfos/changesInfo1.xml"/><Relationship Id="rId5" Type="http://schemas.openxmlformats.org/officeDocument/2006/relationships/customXml" Target="../customXml/item5.xml"/><Relationship Id="rId15" Type="http://schemas.openxmlformats.org/officeDocument/2006/relationships/slide" Target="slides/slide1.xml"/><Relationship Id="rId23" Type="http://schemas.openxmlformats.org/officeDocument/2006/relationships/handoutMaster" Target="handoutMasters/handoutMaster1.xml"/><Relationship Id="rId28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5.xml"/><Relationship Id="rId31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Master" Target="slideMasters/slideMaster1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theme" Target="theme/theme1.xml"/><Relationship Id="rId8" Type="http://schemas.openxmlformats.org/officeDocument/2006/relationships/customXml" Target="../customXml/item8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ndré Torset" userId="93e75eaa-17d5-406b-b41a-bdd2cc4cb55c" providerId="ADAL" clId="{B91F696C-7702-46F9-BAA9-967C4F5F1D9A}"/>
    <pc:docChg chg="modSld">
      <pc:chgData name="André Torset" userId="93e75eaa-17d5-406b-b41a-bdd2cc4cb55c" providerId="ADAL" clId="{B91F696C-7702-46F9-BAA9-967C4F5F1D9A}" dt="2026-06-17T15:43:05.787" v="20" actId="1076"/>
      <pc:docMkLst>
        <pc:docMk/>
      </pc:docMkLst>
      <pc:sldChg chg="modSp mod">
        <pc:chgData name="André Torset" userId="93e75eaa-17d5-406b-b41a-bdd2cc4cb55c" providerId="ADAL" clId="{B91F696C-7702-46F9-BAA9-967C4F5F1D9A}" dt="2026-06-17T15:43:05.787" v="20" actId="1076"/>
        <pc:sldMkLst>
          <pc:docMk/>
          <pc:sldMk cId="2266897416" sldId="438"/>
        </pc:sldMkLst>
        <pc:spChg chg="mod">
          <ac:chgData name="André Torset" userId="93e75eaa-17d5-406b-b41a-bdd2cc4cb55c" providerId="ADAL" clId="{B91F696C-7702-46F9-BAA9-967C4F5F1D9A}" dt="2026-06-17T15:42:31.627" v="13" actId="20577"/>
          <ac:spMkLst>
            <pc:docMk/>
            <pc:sldMk cId="2266897416" sldId="438"/>
            <ac:spMk id="12" creationId="{BB306A50-BD30-E25F-8C79-B8416FF3C361}"/>
          </ac:spMkLst>
        </pc:spChg>
        <pc:picChg chg="mod">
          <ac:chgData name="André Torset" userId="93e75eaa-17d5-406b-b41a-bdd2cc4cb55c" providerId="ADAL" clId="{B91F696C-7702-46F9-BAA9-967C4F5F1D9A}" dt="2026-06-17T15:43:05.787" v="20" actId="1076"/>
          <ac:picMkLst>
            <pc:docMk/>
            <pc:sldMk cId="2266897416" sldId="438"/>
            <ac:picMk id="15" creationId="{0594B934-6B17-820A-EAA8-79D1EA611E82}"/>
          </ac:picMkLst>
        </pc:picChg>
        <pc:picChg chg="mod">
          <ac:chgData name="André Torset" userId="93e75eaa-17d5-406b-b41a-bdd2cc4cb55c" providerId="ADAL" clId="{B91F696C-7702-46F9-BAA9-967C4F5F1D9A}" dt="2026-06-17T15:43:05.787" v="20" actId="1076"/>
          <ac:picMkLst>
            <pc:docMk/>
            <pc:sldMk cId="2266897416" sldId="438"/>
            <ac:picMk id="1026" creationId="{BED95167-479A-5AB7-15E0-23333B851A6E}"/>
          </ac:picMkLst>
        </pc:picChg>
      </pc:sldChg>
    </pc:docChg>
  </pc:docChgLst>
  <pc:docChgLst>
    <pc:chgData name="Randi Nilsen" userId="cc38b37d-e92e-4d4d-9a6e-35e98d1bed29" providerId="ADAL" clId="{0ED79048-03F3-46FE-A341-B4911CFC42D6}"/>
    <pc:docChg chg="undo redo custSel addSld delSld modSld">
      <pc:chgData name="Randi Nilsen" userId="cc38b37d-e92e-4d4d-9a6e-35e98d1bed29" providerId="ADAL" clId="{0ED79048-03F3-46FE-A341-B4911CFC42D6}" dt="2026-06-17T06:29:54.685" v="1531" actId="1076"/>
      <pc:docMkLst>
        <pc:docMk/>
      </pc:docMkLst>
      <pc:sldChg chg="modSp mod">
        <pc:chgData name="Randi Nilsen" userId="cc38b37d-e92e-4d4d-9a6e-35e98d1bed29" providerId="ADAL" clId="{0ED79048-03F3-46FE-A341-B4911CFC42D6}" dt="2026-06-16T13:03:03.897" v="245" actId="20577"/>
        <pc:sldMkLst>
          <pc:docMk/>
          <pc:sldMk cId="1670747163" sldId="364"/>
        </pc:sldMkLst>
        <pc:spChg chg="mod">
          <ac:chgData name="Randi Nilsen" userId="cc38b37d-e92e-4d4d-9a6e-35e98d1bed29" providerId="ADAL" clId="{0ED79048-03F3-46FE-A341-B4911CFC42D6}" dt="2026-06-16T13:03:03.897" v="245" actId="20577"/>
          <ac:spMkLst>
            <pc:docMk/>
            <pc:sldMk cId="1670747163" sldId="364"/>
            <ac:spMk id="5" creationId="{5E79E92A-B137-9834-C6B1-8CA7BBCB800F}"/>
          </ac:spMkLst>
        </pc:spChg>
      </pc:sldChg>
      <pc:sldChg chg="addSp delSp modSp mod setBg">
        <pc:chgData name="Randi Nilsen" userId="cc38b37d-e92e-4d4d-9a6e-35e98d1bed29" providerId="ADAL" clId="{0ED79048-03F3-46FE-A341-B4911CFC42D6}" dt="2026-06-16T13:36:38.300" v="1045" actId="207"/>
        <pc:sldMkLst>
          <pc:docMk/>
          <pc:sldMk cId="2992080314" sldId="367"/>
        </pc:sldMkLst>
        <pc:spChg chg="mod">
          <ac:chgData name="Randi Nilsen" userId="cc38b37d-e92e-4d4d-9a6e-35e98d1bed29" providerId="ADAL" clId="{0ED79048-03F3-46FE-A341-B4911CFC42D6}" dt="2026-06-16T12:58:05.973" v="121" actId="20577"/>
          <ac:spMkLst>
            <pc:docMk/>
            <pc:sldMk cId="2992080314" sldId="367"/>
            <ac:spMk id="4" creationId="{AA0432F9-A9EB-6AB3-AE51-D3BB2759B4A0}"/>
          </ac:spMkLst>
        </pc:spChg>
        <pc:spChg chg="mod">
          <ac:chgData name="Randi Nilsen" userId="cc38b37d-e92e-4d4d-9a6e-35e98d1bed29" providerId="ADAL" clId="{0ED79048-03F3-46FE-A341-B4911CFC42D6}" dt="2026-06-16T13:00:36.046" v="205" actId="20577"/>
          <ac:spMkLst>
            <pc:docMk/>
            <pc:sldMk cId="2992080314" sldId="367"/>
            <ac:spMk id="9" creationId="{49B57BFE-7D31-2F2D-8BFE-D31DAE322D0D}"/>
          </ac:spMkLst>
        </pc:spChg>
        <pc:graphicFrameChg chg="mod modGraphic">
          <ac:chgData name="Randi Nilsen" userId="cc38b37d-e92e-4d4d-9a6e-35e98d1bed29" providerId="ADAL" clId="{0ED79048-03F3-46FE-A341-B4911CFC42D6}" dt="2026-06-16T13:36:38.300" v="1045" actId="207"/>
          <ac:graphicFrameMkLst>
            <pc:docMk/>
            <pc:sldMk cId="2992080314" sldId="367"/>
            <ac:graphicFrameMk id="8" creationId="{7CCB22D1-E8C7-D9C4-BEA6-2CE852495879}"/>
          </ac:graphicFrameMkLst>
        </pc:graphicFrameChg>
        <pc:picChg chg="mod">
          <ac:chgData name="Randi Nilsen" userId="cc38b37d-e92e-4d4d-9a6e-35e98d1bed29" providerId="ADAL" clId="{0ED79048-03F3-46FE-A341-B4911CFC42D6}" dt="2026-06-16T13:36:25.224" v="1042" actId="1076"/>
          <ac:picMkLst>
            <pc:docMk/>
            <pc:sldMk cId="2992080314" sldId="367"/>
            <ac:picMk id="11" creationId="{BDBB3F8A-DA29-19C8-086A-53FDE49705B4}"/>
          </ac:picMkLst>
        </pc:picChg>
        <pc:picChg chg="add mod">
          <ac:chgData name="Randi Nilsen" userId="cc38b37d-e92e-4d4d-9a6e-35e98d1bed29" providerId="ADAL" clId="{0ED79048-03F3-46FE-A341-B4911CFC42D6}" dt="2026-06-16T13:36:25.224" v="1042" actId="1076"/>
          <ac:picMkLst>
            <pc:docMk/>
            <pc:sldMk cId="2992080314" sldId="367"/>
            <ac:picMk id="13" creationId="{281144CC-81F0-F529-1951-015CEF3E3FFE}"/>
          </ac:picMkLst>
        </pc:picChg>
      </pc:sldChg>
      <pc:sldChg chg="modSp mod setBg">
        <pc:chgData name="Randi Nilsen" userId="cc38b37d-e92e-4d4d-9a6e-35e98d1bed29" providerId="ADAL" clId="{0ED79048-03F3-46FE-A341-B4911CFC42D6}" dt="2026-06-16T13:33:28.946" v="1003"/>
        <pc:sldMkLst>
          <pc:docMk/>
          <pc:sldMk cId="1996517973" sldId="435"/>
        </pc:sldMkLst>
        <pc:picChg chg="mod">
          <ac:chgData name="Randi Nilsen" userId="cc38b37d-e92e-4d4d-9a6e-35e98d1bed29" providerId="ADAL" clId="{0ED79048-03F3-46FE-A341-B4911CFC42D6}" dt="2026-06-16T13:02:40.986" v="208" actId="1076"/>
          <ac:picMkLst>
            <pc:docMk/>
            <pc:sldMk cId="1996517973" sldId="435"/>
            <ac:picMk id="8" creationId="{BD718FDF-A92F-D03B-B79A-64F490BD355F}"/>
          </ac:picMkLst>
        </pc:picChg>
        <pc:picChg chg="mod">
          <ac:chgData name="Randi Nilsen" userId="cc38b37d-e92e-4d4d-9a6e-35e98d1bed29" providerId="ADAL" clId="{0ED79048-03F3-46FE-A341-B4911CFC42D6}" dt="2026-06-16T13:02:40.986" v="208" actId="1076"/>
          <ac:picMkLst>
            <pc:docMk/>
            <pc:sldMk cId="1996517973" sldId="435"/>
            <ac:picMk id="9" creationId="{7D75F977-1C0C-A9DB-029D-ED14CBA87540}"/>
          </ac:picMkLst>
        </pc:picChg>
        <pc:picChg chg="mod">
          <ac:chgData name="Randi Nilsen" userId="cc38b37d-e92e-4d4d-9a6e-35e98d1bed29" providerId="ADAL" clId="{0ED79048-03F3-46FE-A341-B4911CFC42D6}" dt="2026-06-16T13:02:40.986" v="208" actId="1076"/>
          <ac:picMkLst>
            <pc:docMk/>
            <pc:sldMk cId="1996517973" sldId="435"/>
            <ac:picMk id="10" creationId="{4CCD0449-5F95-CBB7-810A-4C7506ED947F}"/>
          </ac:picMkLst>
        </pc:picChg>
      </pc:sldChg>
      <pc:sldChg chg="addSp delSp modSp new mod setBg">
        <pc:chgData name="Randi Nilsen" userId="cc38b37d-e92e-4d4d-9a6e-35e98d1bed29" providerId="ADAL" clId="{0ED79048-03F3-46FE-A341-B4911CFC42D6}" dt="2026-06-17T06:18:50.901" v="1520" actId="20577"/>
        <pc:sldMkLst>
          <pc:docMk/>
          <pc:sldMk cId="3219996375" sldId="436"/>
        </pc:sldMkLst>
        <pc:spChg chg="mod">
          <ac:chgData name="Randi Nilsen" userId="cc38b37d-e92e-4d4d-9a6e-35e98d1bed29" providerId="ADAL" clId="{0ED79048-03F3-46FE-A341-B4911CFC42D6}" dt="2026-06-17T05:48:14.858" v="1161" actId="1076"/>
          <ac:spMkLst>
            <pc:docMk/>
            <pc:sldMk cId="3219996375" sldId="436"/>
            <ac:spMk id="2" creationId="{49F2FF80-B057-2482-305F-E88E057E8238}"/>
          </ac:spMkLst>
        </pc:spChg>
        <pc:spChg chg="mod">
          <ac:chgData name="Randi Nilsen" userId="cc38b37d-e92e-4d4d-9a6e-35e98d1bed29" providerId="ADAL" clId="{0ED79048-03F3-46FE-A341-B4911CFC42D6}" dt="2026-06-17T06:18:50.901" v="1520" actId="20577"/>
          <ac:spMkLst>
            <pc:docMk/>
            <pc:sldMk cId="3219996375" sldId="436"/>
            <ac:spMk id="4" creationId="{945462FC-B413-6319-3157-EFFF2FF80722}"/>
          </ac:spMkLst>
        </pc:spChg>
        <pc:spChg chg="add mod">
          <ac:chgData name="Randi Nilsen" userId="cc38b37d-e92e-4d4d-9a6e-35e98d1bed29" providerId="ADAL" clId="{0ED79048-03F3-46FE-A341-B4911CFC42D6}" dt="2026-06-17T05:57:14.799" v="1414" actId="1076"/>
          <ac:spMkLst>
            <pc:docMk/>
            <pc:sldMk cId="3219996375" sldId="436"/>
            <ac:spMk id="13" creationId="{9EC6567E-CB2E-2E4E-1B74-E0D2B6DC998F}"/>
          </ac:spMkLst>
        </pc:spChg>
        <pc:spChg chg="add mod ord">
          <ac:chgData name="Randi Nilsen" userId="cc38b37d-e92e-4d4d-9a6e-35e98d1bed29" providerId="ADAL" clId="{0ED79048-03F3-46FE-A341-B4911CFC42D6}" dt="2026-06-17T05:57:14.799" v="1414" actId="1076"/>
          <ac:spMkLst>
            <pc:docMk/>
            <pc:sldMk cId="3219996375" sldId="436"/>
            <ac:spMk id="14" creationId="{8CD62C62-3BD6-2BD5-F272-626627EDECF2}"/>
          </ac:spMkLst>
        </pc:spChg>
        <pc:picChg chg="add mod">
          <ac:chgData name="Randi Nilsen" userId="cc38b37d-e92e-4d4d-9a6e-35e98d1bed29" providerId="ADAL" clId="{0ED79048-03F3-46FE-A341-B4911CFC42D6}" dt="2026-06-17T06:03:32.891" v="1420" actId="1076"/>
          <ac:picMkLst>
            <pc:docMk/>
            <pc:sldMk cId="3219996375" sldId="436"/>
            <ac:picMk id="6" creationId="{B6882385-47C5-B228-9D1A-1776F3774E3B}"/>
          </ac:picMkLst>
        </pc:picChg>
        <pc:picChg chg="add mod">
          <ac:chgData name="Randi Nilsen" userId="cc38b37d-e92e-4d4d-9a6e-35e98d1bed29" providerId="ADAL" clId="{0ED79048-03F3-46FE-A341-B4911CFC42D6}" dt="2026-06-17T06:08:39.136" v="1423" actId="1076"/>
          <ac:picMkLst>
            <pc:docMk/>
            <pc:sldMk cId="3219996375" sldId="436"/>
            <ac:picMk id="9" creationId="{7F646DEE-BD4B-A560-F696-A08CD219105C}"/>
          </ac:picMkLst>
        </pc:picChg>
        <pc:picChg chg="add mod ord modCrop">
          <ac:chgData name="Randi Nilsen" userId="cc38b37d-e92e-4d4d-9a6e-35e98d1bed29" providerId="ADAL" clId="{0ED79048-03F3-46FE-A341-B4911CFC42D6}" dt="2026-06-17T06:03:31.200" v="1419" actId="1076"/>
          <ac:picMkLst>
            <pc:docMk/>
            <pc:sldMk cId="3219996375" sldId="436"/>
            <ac:picMk id="11" creationId="{885B3759-6EA0-6907-1EDF-40A7E57F6DDD}"/>
          </ac:picMkLst>
        </pc:picChg>
      </pc:sldChg>
      <pc:sldChg chg="addSp delSp modSp new mod setBg">
        <pc:chgData name="Randi Nilsen" userId="cc38b37d-e92e-4d4d-9a6e-35e98d1bed29" providerId="ADAL" clId="{0ED79048-03F3-46FE-A341-B4911CFC42D6}" dt="2026-06-17T06:17:15.136" v="1504" actId="167"/>
        <pc:sldMkLst>
          <pc:docMk/>
          <pc:sldMk cId="1000510510" sldId="437"/>
        </pc:sldMkLst>
        <pc:spChg chg="mod">
          <ac:chgData name="Randi Nilsen" userId="cc38b37d-e92e-4d4d-9a6e-35e98d1bed29" providerId="ADAL" clId="{0ED79048-03F3-46FE-A341-B4911CFC42D6}" dt="2026-06-16T13:40:01.042" v="1105" actId="1076"/>
          <ac:spMkLst>
            <pc:docMk/>
            <pc:sldMk cId="1000510510" sldId="437"/>
            <ac:spMk id="2" creationId="{096BC33C-A2F7-E15A-4FCA-2B29CEE505DA}"/>
          </ac:spMkLst>
        </pc:spChg>
        <pc:spChg chg="add mod ord">
          <ac:chgData name="Randi Nilsen" userId="cc38b37d-e92e-4d4d-9a6e-35e98d1bed29" providerId="ADAL" clId="{0ED79048-03F3-46FE-A341-B4911CFC42D6}" dt="2026-06-17T06:17:15.136" v="1504" actId="167"/>
          <ac:spMkLst>
            <pc:docMk/>
            <pc:sldMk cId="1000510510" sldId="437"/>
            <ac:spMk id="4" creationId="{DB7BF188-3AF6-4587-8381-123FA831B559}"/>
          </ac:spMkLst>
        </pc:spChg>
      </pc:sldChg>
      <pc:sldChg chg="addSp delSp modSp add mod setBg">
        <pc:chgData name="Randi Nilsen" userId="cc38b37d-e92e-4d4d-9a6e-35e98d1bed29" providerId="ADAL" clId="{0ED79048-03F3-46FE-A341-B4911CFC42D6}" dt="2026-06-17T06:29:54.685" v="1531" actId="1076"/>
        <pc:sldMkLst>
          <pc:docMk/>
          <pc:sldMk cId="2266897416" sldId="438"/>
        </pc:sldMkLst>
        <pc:spChg chg="mod">
          <ac:chgData name="Randi Nilsen" userId="cc38b37d-e92e-4d4d-9a6e-35e98d1bed29" providerId="ADAL" clId="{0ED79048-03F3-46FE-A341-B4911CFC42D6}" dt="2026-06-17T06:16:47.646" v="1500" actId="1076"/>
          <ac:spMkLst>
            <pc:docMk/>
            <pc:sldMk cId="2266897416" sldId="438"/>
            <ac:spMk id="4" creationId="{A2E0E8E1-0DEE-3CA4-21BC-9B96ED99F654}"/>
          </ac:spMkLst>
        </pc:spChg>
        <pc:spChg chg="mod">
          <ac:chgData name="Randi Nilsen" userId="cc38b37d-e92e-4d4d-9a6e-35e98d1bed29" providerId="ADAL" clId="{0ED79048-03F3-46FE-A341-B4911CFC42D6}" dt="2026-06-17T05:56:51.347" v="1410" actId="1076"/>
          <ac:spMkLst>
            <pc:docMk/>
            <pc:sldMk cId="2266897416" sldId="438"/>
            <ac:spMk id="12" creationId="{BB306A50-BD30-E25F-8C79-B8416FF3C361}"/>
          </ac:spMkLst>
        </pc:spChg>
        <pc:spChg chg="mod">
          <ac:chgData name="Randi Nilsen" userId="cc38b37d-e92e-4d4d-9a6e-35e98d1bed29" providerId="ADAL" clId="{0ED79048-03F3-46FE-A341-B4911CFC42D6}" dt="2026-06-17T05:58:01.141" v="1416" actId="14100"/>
          <ac:spMkLst>
            <pc:docMk/>
            <pc:sldMk cId="2266897416" sldId="438"/>
            <ac:spMk id="16" creationId="{51BD575E-1260-DE88-15C3-5622DDD5F9D9}"/>
          </ac:spMkLst>
        </pc:spChg>
        <pc:picChg chg="add mod modCrop">
          <ac:chgData name="Randi Nilsen" userId="cc38b37d-e92e-4d4d-9a6e-35e98d1bed29" providerId="ADAL" clId="{0ED79048-03F3-46FE-A341-B4911CFC42D6}" dt="2026-06-17T06:19:08.010" v="1522" actId="1076"/>
          <ac:picMkLst>
            <pc:docMk/>
            <pc:sldMk cId="2266897416" sldId="438"/>
            <ac:picMk id="15" creationId="{0594B934-6B17-820A-EAA8-79D1EA611E82}"/>
          </ac:picMkLst>
        </pc:picChg>
        <pc:picChg chg="add mod">
          <ac:chgData name="Randi Nilsen" userId="cc38b37d-e92e-4d4d-9a6e-35e98d1bed29" providerId="ADAL" clId="{0ED79048-03F3-46FE-A341-B4911CFC42D6}" dt="2026-06-17T06:29:54.685" v="1531" actId="1076"/>
          <ac:picMkLst>
            <pc:docMk/>
            <pc:sldMk cId="2266897416" sldId="438"/>
            <ac:picMk id="1026" creationId="{BED95167-479A-5AB7-15E0-23333B851A6E}"/>
          </ac:picMkLst>
        </pc:picChg>
      </pc:sldChg>
    </pc:docChg>
  </pc:docChgLst>
  <pc:docChgLst>
    <pc:chgData name="André Torset" userId="S::andre.torset@veidekke.no::93e75eaa-17d5-406b-b41a-bdd2cc4cb55c" providerId="AD" clId="Web-{BB4D23B7-475D-6474-7145-1E84660C2A6F}"/>
    <pc:docChg chg="modSld">
      <pc:chgData name="André Torset" userId="S::andre.torset@veidekke.no::93e75eaa-17d5-406b-b41a-bdd2cc4cb55c" providerId="AD" clId="Web-{BB4D23B7-475D-6474-7145-1E84660C2A6F}" dt="2026-06-23T08:02:29.232" v="20" actId="20577"/>
      <pc:docMkLst>
        <pc:docMk/>
      </pc:docMkLst>
      <pc:sldChg chg="modSp">
        <pc:chgData name="André Torset" userId="S::andre.torset@veidekke.no::93e75eaa-17d5-406b-b41a-bdd2cc4cb55c" providerId="AD" clId="Web-{BB4D23B7-475D-6474-7145-1E84660C2A6F}" dt="2026-06-23T08:02:29.232" v="20" actId="20577"/>
        <pc:sldMkLst>
          <pc:docMk/>
          <pc:sldMk cId="2266897416" sldId="438"/>
        </pc:sldMkLst>
        <pc:spChg chg="mod">
          <ac:chgData name="André Torset" userId="S::andre.torset@veidekke.no::93e75eaa-17d5-406b-b41a-bdd2cc4cb55c" providerId="AD" clId="Web-{BB4D23B7-475D-6474-7145-1E84660C2A6F}" dt="2026-06-23T08:02:29.232" v="20" actId="20577"/>
          <ac:spMkLst>
            <pc:docMk/>
            <pc:sldMk cId="2266897416" sldId="438"/>
            <ac:spMk id="12" creationId="{BB306A50-BD30-E25F-8C79-B8416FF3C361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3/06/2026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extLst>
    <p:ext uri="{56416CCD-93CA-4268-BC5B-53C4BB910035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23/06/2026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  <p:extLst>
    <p:ext uri="{620B2872-D7B9-4A21-9093-7833F8D536E1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12" Type="http://schemas.openxmlformats.org/officeDocument/2006/relationships/image" Target="../media/image12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png"/><Relationship Id="rId11" Type="http://schemas.openxmlformats.org/officeDocument/2006/relationships/image" Target="../media/image11.png"/><Relationship Id="rId5" Type="http://schemas.openxmlformats.org/officeDocument/2006/relationships/image" Target="../media/image5.png"/><Relationship Id="rId10" Type="http://schemas.openxmlformats.org/officeDocument/2006/relationships/image" Target="../media/image10.png"/><Relationship Id="rId4" Type="http://schemas.openxmlformats.org/officeDocument/2006/relationships/image" Target="../media/image4.png"/><Relationship Id="rId9" Type="http://schemas.openxmlformats.org/officeDocument/2006/relationships/image" Target="../media/image9.png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mørk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AE4D1861-B65A-4955-7D1A-E4DDD452C9E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59600" y="1342453"/>
            <a:ext cx="1416823" cy="247282"/>
          </a:xfrm>
          <a:prstGeom prst="rect">
            <a:avLst/>
          </a:prstGeom>
        </p:spPr>
      </p:pic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D45373E-5D25-FF96-6543-9B2EDB65F6AE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281613" y="0"/>
            <a:ext cx="6910387" cy="6858000"/>
          </a:xfrm>
          <a:custGeom>
            <a:avLst/>
            <a:gdLst>
              <a:gd name="connsiteX0" fmla="*/ 2287073 w 6873026"/>
              <a:gd name="connsiteY0" fmla="*/ 0 h 6858000"/>
              <a:gd name="connsiteX1" fmla="*/ 6873026 w 6873026"/>
              <a:gd name="connsiteY1" fmla="*/ 0 h 6858000"/>
              <a:gd name="connsiteX2" fmla="*/ 6873026 w 6873026"/>
              <a:gd name="connsiteY2" fmla="*/ 6858000 h 6858000"/>
              <a:gd name="connsiteX3" fmla="*/ 0 w 6873026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873026" h="6858000">
                <a:moveTo>
                  <a:pt x="2287073" y="0"/>
                </a:moveTo>
                <a:lnTo>
                  <a:pt x="6873026" y="0"/>
                </a:lnTo>
                <a:lnTo>
                  <a:pt x="6873026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 rtl="0" eaLnBrk="1" latinLnBrk="0" hangingPunct="1">
              <a:buNone/>
              <a:defRPr lang="en-GB" sz="1800" kern="0" baseline="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on placeholder and insert an image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through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Fotoware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icon in the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Templafy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pane</a:t>
            </a:r>
            <a:endParaRPr lang="nb-NO" sz="1800" dirty="0">
              <a:effectLst/>
            </a:endParaRP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05D8B72-DED3-F1F2-3C2F-852CE51A94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680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100000"/>
              </a:lnSpc>
              <a:defRPr sz="4000" b="0" i="0" kern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Coverpage title</a:t>
            </a:r>
            <a:br>
              <a:rPr lang="sv-SE" dirty="0"/>
            </a:br>
            <a:r>
              <a:rPr lang="nb-NO" dirty="0"/>
              <a:t>max 3 rows</a:t>
            </a:r>
            <a:endParaRPr lang="nb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46A6DF6-E0FF-C420-E8EC-4E0D9820C2B4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29259"/>
            <a:ext cx="4252138" cy="288000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 sz="900" kern="0" baseline="0">
                <a:solidFill>
                  <a:schemeClr val="bg1"/>
                </a:solidFill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  <a:latin typeface="+mn-lt"/>
              </a:defRPr>
            </a:lvl2pPr>
            <a:lvl3pPr marL="0" indent="0"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  <a:latin typeface="+mn-lt"/>
              </a:defRPr>
            </a:lvl3pPr>
            <a:lvl4pPr marL="0" indent="0"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  <a:latin typeface="+mn-lt"/>
              </a:defRPr>
            </a:lvl4pPr>
            <a:lvl5pPr marL="0" indent="0"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  <a:latin typeface="+mn-lt"/>
              </a:defRPr>
            </a:lvl5pPr>
            <a:lvl6pPr marL="0" indent="0">
              <a:buNone/>
              <a:defRPr sz="900">
                <a:solidFill>
                  <a:schemeClr val="bg1"/>
                </a:solidFill>
              </a:defRPr>
            </a:lvl6pPr>
            <a:lvl7pPr marL="0" indent="0">
              <a:buNone/>
              <a:defRPr sz="900">
                <a:solidFill>
                  <a:schemeClr val="bg1"/>
                </a:solidFill>
              </a:defRPr>
            </a:lvl7pPr>
            <a:lvl8pPr marL="0" indent="0">
              <a:buNone/>
              <a:defRPr sz="900">
                <a:solidFill>
                  <a:schemeClr val="bg1"/>
                </a:solidFill>
              </a:defRPr>
            </a:lvl8pPr>
            <a:lvl9pPr marL="0" indent="0">
              <a:buNone/>
              <a:defRPr sz="900">
                <a:solidFill>
                  <a:schemeClr val="bg1"/>
                </a:solidFill>
              </a:defRPr>
            </a:lvl9pPr>
          </a:lstStyle>
          <a:p>
            <a:pPr lvl="0"/>
            <a:r>
              <a:rPr lang="nb-NO" dirty="0"/>
              <a:t>Click to add date or text</a:t>
            </a:r>
            <a:endParaRPr lang="nb-NO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CE61D8FC-6A8C-92AE-73EA-C5284190D87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924640"/>
            <a:ext cx="4252138" cy="180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tabLst/>
              <a:defRPr sz="900" kern="0" baseline="0">
                <a:solidFill>
                  <a:schemeClr val="bg1"/>
                </a:solidFill>
              </a:defRPr>
            </a:lvl1pPr>
            <a:lvl2pPr marL="0" indent="0">
              <a:buNone/>
              <a:defRPr sz="900">
                <a:solidFill>
                  <a:schemeClr val="bg1"/>
                </a:solidFill>
              </a:defRPr>
            </a:lvl2pPr>
            <a:lvl3pPr marL="0" indent="0">
              <a:buNone/>
              <a:defRPr sz="900">
                <a:solidFill>
                  <a:schemeClr val="bg1"/>
                </a:solidFill>
              </a:defRPr>
            </a:lvl3pPr>
            <a:lvl4pPr marL="0" indent="0">
              <a:buNone/>
              <a:defRPr sz="900">
                <a:solidFill>
                  <a:schemeClr val="bg1"/>
                </a:solidFill>
              </a:defRPr>
            </a:lvl4pPr>
            <a:lvl5pPr marL="0" indent="0">
              <a:buNone/>
              <a:defRPr sz="900">
                <a:solidFill>
                  <a:schemeClr val="bg1"/>
                </a:solidFill>
              </a:defRPr>
            </a:lvl5pPr>
            <a:lvl6pPr marL="0" indent="0">
              <a:buNone/>
              <a:defRPr sz="900">
                <a:solidFill>
                  <a:schemeClr val="bg1"/>
                </a:solidFill>
              </a:defRPr>
            </a:lvl6pPr>
            <a:lvl7pPr marL="0" indent="0">
              <a:buNone/>
              <a:defRPr sz="900">
                <a:solidFill>
                  <a:schemeClr val="bg1"/>
                </a:solidFill>
              </a:defRPr>
            </a:lvl7pPr>
            <a:lvl8pPr marL="0" indent="0">
              <a:buNone/>
              <a:defRPr sz="900">
                <a:solidFill>
                  <a:schemeClr val="bg1"/>
                </a:solidFill>
              </a:defRPr>
            </a:lvl8pPr>
            <a:lvl9pPr marL="0" indent="0">
              <a:buNone/>
              <a:defRPr sz="900">
                <a:solidFill>
                  <a:schemeClr val="bg1"/>
                </a:solidFill>
              </a:defRPr>
            </a:lvl9pPr>
          </a:lstStyle>
          <a:p>
            <a:pPr lvl="0"/>
            <a:r>
              <a:rPr lang="nb-NO" dirty="0"/>
              <a:t>Click to add presentors name or tex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78844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3F0A005-BFE9-4FDE-82F2-85A3EEBFC4D0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9D81D6A0-B9C0-B107-2A03-D6E1DF130DD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8BA1843-D761-2A2D-FBEB-A8A6F0AB33C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372000" cy="4107600"/>
          </a:xfrm>
        </p:spPr>
        <p:txBody>
          <a:bodyPr/>
          <a:lstStyle>
            <a:lvl1pPr>
              <a:defRPr/>
            </a:lvl1pPr>
          </a:lstStyle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28000" y="1933200"/>
            <a:ext cx="3523999" cy="4107600"/>
          </a:xfrm>
        </p:spPr>
        <p:txBody>
          <a:bodyPr/>
          <a:lstStyle/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73703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4E2854DF-D9EF-4DD2-FF71-001EE89AC8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D53982D7-CFCB-7FAB-3092-D0E6C77FF6D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5421600" cy="4107600"/>
          </a:xfrm>
        </p:spPr>
        <p:txBody>
          <a:bodyPr/>
          <a:lstStyle/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1599" y="1933200"/>
            <a:ext cx="5421600" cy="4107600"/>
          </a:xfrm>
        </p:spPr>
        <p:txBody>
          <a:bodyPr/>
          <a:lstStyle/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48467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2ACE79A4-428E-28D4-E640-6785E35164E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7" name="Subtitle 2">
            <a:extLst>
              <a:ext uri="{FF2B5EF4-FFF2-40B4-BE49-F238E27FC236}">
                <a16:creationId xmlns:a16="http://schemas.microsoft.com/office/drawing/2014/main" id="{6F52EE5C-97E4-1818-EFC7-EA4570959B7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E1D732-FF38-4354-9CD1-41E4B638AC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40000" y="1933812"/>
            <a:ext cx="5418000" cy="291600"/>
          </a:xfrm>
        </p:spPr>
        <p:txBody>
          <a:bodyPr>
            <a:no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 kern="0" baseline="0"/>
            </a:lvl1pPr>
            <a:lvl2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/>
            </a:lvl2pPr>
            <a:lvl3pPr marL="0" indent="0">
              <a:spcAft>
                <a:spcPts val="0"/>
              </a:spcAft>
              <a:buNone/>
              <a:defRPr sz="1600"/>
            </a:lvl3pPr>
            <a:lvl4pPr marL="0" indent="0">
              <a:spcAft>
                <a:spcPts val="0"/>
              </a:spcAft>
              <a:buNone/>
              <a:defRPr sz="1600"/>
            </a:lvl4pPr>
            <a:lvl5pPr marL="0" indent="0">
              <a:spcAft>
                <a:spcPts val="0"/>
              </a:spcAft>
              <a:buNone/>
              <a:defRPr sz="1600"/>
            </a:lvl5pPr>
            <a:lvl6pPr marL="0" indent="0">
              <a:spcAft>
                <a:spcPts val="0"/>
              </a:spcAft>
              <a:buNone/>
              <a:defRPr sz="1600"/>
            </a:lvl6pPr>
            <a:lvl7pPr marL="0" indent="0">
              <a:spcAft>
                <a:spcPts val="0"/>
              </a:spcAft>
              <a:buNone/>
              <a:defRPr sz="1600"/>
            </a:lvl7pPr>
            <a:lvl8pPr marL="0" indent="0">
              <a:spcAft>
                <a:spcPts val="0"/>
              </a:spcAft>
              <a:buNone/>
              <a:defRPr sz="1600"/>
            </a:lvl8pPr>
            <a:lvl9pPr marL="0" indent="0">
              <a:spcAft>
                <a:spcPts val="0"/>
              </a:spcAft>
              <a:buNone/>
              <a:defRPr sz="1600"/>
            </a:lvl9pPr>
          </a:lstStyle>
          <a:p>
            <a:pPr lvl="0"/>
            <a:r>
              <a:rPr lang="nb-NO" noProof="0" dirty="0"/>
              <a:t>Chart title</a:t>
            </a:r>
            <a:endParaRPr lang="nb-NO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CE7EEC8-6A20-4469-924C-95F0A38E9E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232526" y="1933811"/>
            <a:ext cx="5418000" cy="291600"/>
          </a:xfrm>
        </p:spPr>
        <p:txBody>
          <a:bodyPr>
            <a:noAutofit/>
          </a:bodyPr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1600" b="1"/>
            </a:lvl1pPr>
            <a:lvl2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/>
            </a:lvl2pPr>
            <a:lvl3pPr marL="0" indent="0">
              <a:spcAft>
                <a:spcPts val="0"/>
              </a:spcAft>
              <a:buNone/>
              <a:defRPr sz="1600"/>
            </a:lvl3pPr>
            <a:lvl4pPr marL="0" indent="0">
              <a:spcAft>
                <a:spcPts val="0"/>
              </a:spcAft>
              <a:buNone/>
              <a:defRPr sz="1600"/>
            </a:lvl4pPr>
            <a:lvl5pPr marL="0" indent="0">
              <a:spcAft>
                <a:spcPts val="0"/>
              </a:spcAft>
              <a:buNone/>
              <a:defRPr sz="1600"/>
            </a:lvl5pPr>
            <a:lvl6pPr marL="0" indent="0">
              <a:spcAft>
                <a:spcPts val="0"/>
              </a:spcAft>
              <a:buNone/>
              <a:defRPr sz="1600"/>
            </a:lvl6pPr>
            <a:lvl7pPr marL="0" indent="0">
              <a:spcAft>
                <a:spcPts val="0"/>
              </a:spcAft>
              <a:buNone/>
              <a:defRPr sz="1600"/>
            </a:lvl7pPr>
            <a:lvl8pPr marL="0" indent="0">
              <a:spcAft>
                <a:spcPts val="0"/>
              </a:spcAft>
              <a:buNone/>
              <a:defRPr sz="1600"/>
            </a:lvl8pPr>
            <a:lvl9pPr marL="0" indent="0">
              <a:spcAft>
                <a:spcPts val="0"/>
              </a:spcAft>
              <a:buNone/>
              <a:defRPr sz="1600"/>
            </a:lvl9pPr>
          </a:lstStyle>
          <a:p>
            <a:pPr lvl="0"/>
            <a:r>
              <a:rPr lang="nb-NO" noProof="0" dirty="0"/>
              <a:t>Chart titl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4774"/>
            <a:ext cx="5418000" cy="3494077"/>
          </a:xfrm>
        </p:spPr>
        <p:txBody>
          <a:bodyPr/>
          <a:lstStyle>
            <a:lvl1pPr>
              <a:defRPr sz="1600" kern="0" baseline="0"/>
            </a:lvl1pPr>
          </a:lstStyle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600" dirty="0">
              <a:effectLst/>
            </a:endParaRP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8F72EE-76F7-4471-9ABD-8692546D42E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0000" y="2224375"/>
            <a:ext cx="5418000" cy="227248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200" kern="0" baseline="0"/>
            </a:lvl1pPr>
            <a:lvl2pPr marL="0" indent="0">
              <a:buNone/>
              <a:defRPr sz="1200"/>
            </a:lvl2pPr>
            <a:lvl3pPr marL="0" indent="0">
              <a:buNone/>
              <a:defRPr sz="1200"/>
            </a:lvl3pPr>
            <a:lvl4pPr marL="0" indent="0">
              <a:buNone/>
              <a:defRPr sz="1200"/>
            </a:lvl4pPr>
            <a:lvl5pPr marL="0" indent="0">
              <a:buNone/>
              <a:defRPr sz="1200"/>
            </a:lvl5pPr>
            <a:lvl6pPr marL="0" indent="0">
              <a:buNone/>
              <a:defRPr sz="1200"/>
            </a:lvl6pPr>
            <a:lvl7pPr marL="0" indent="0">
              <a:buNone/>
              <a:defRPr sz="1200"/>
            </a:lvl7pPr>
            <a:lvl8pPr marL="0" indent="0">
              <a:buNone/>
              <a:defRPr sz="1200"/>
            </a:lvl8pPr>
            <a:lvl9pPr marL="0" indent="0">
              <a:buNone/>
              <a:defRPr sz="1200"/>
            </a:lvl9pPr>
          </a:lstStyle>
          <a:p>
            <a:pPr lvl="0"/>
            <a:r>
              <a:rPr lang="nb-NO" dirty="0"/>
              <a:t>Subheading</a:t>
            </a:r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2D6DB48B-D31D-4152-8838-B71726AD978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32526" y="2224375"/>
            <a:ext cx="5418000" cy="227248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200" kern="0" baseline="0"/>
            </a:lvl1pPr>
            <a:lvl2pPr marL="0" indent="0">
              <a:buNone/>
              <a:defRPr sz="1200"/>
            </a:lvl2pPr>
            <a:lvl3pPr marL="0" indent="0">
              <a:buNone/>
              <a:defRPr sz="1200"/>
            </a:lvl3pPr>
            <a:lvl4pPr marL="0" indent="0">
              <a:buNone/>
              <a:defRPr sz="1200"/>
            </a:lvl4pPr>
            <a:lvl5pPr marL="0" indent="0">
              <a:buNone/>
              <a:defRPr sz="1200"/>
            </a:lvl5pPr>
            <a:lvl6pPr marL="0" indent="0">
              <a:buNone/>
              <a:defRPr sz="1200"/>
            </a:lvl6pPr>
            <a:lvl7pPr marL="0" indent="0">
              <a:buNone/>
              <a:defRPr sz="1200"/>
            </a:lvl7pPr>
            <a:lvl8pPr marL="0" indent="0">
              <a:buNone/>
              <a:defRPr sz="1200"/>
            </a:lvl8pPr>
            <a:lvl9pPr marL="0" indent="0">
              <a:buNone/>
              <a:defRPr sz="1200"/>
            </a:lvl9pPr>
          </a:lstStyle>
          <a:p>
            <a:pPr lvl="0"/>
            <a:r>
              <a:rPr lang="nb-NO" dirty="0"/>
              <a:t>Subheading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2526" y="2544774"/>
            <a:ext cx="5418000" cy="3494076"/>
          </a:xfrm>
        </p:spPr>
        <p:txBody>
          <a:bodyPr/>
          <a:lstStyle>
            <a:lvl1pPr>
              <a:defRPr sz="1600"/>
            </a:lvl1pPr>
          </a:lstStyle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600" dirty="0">
              <a:effectLst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013139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69D1B906-2E1F-2B6A-6066-2C75ED6B640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23" name="Subtitle 2">
            <a:extLst>
              <a:ext uri="{FF2B5EF4-FFF2-40B4-BE49-F238E27FC236}">
                <a16:creationId xmlns:a16="http://schemas.microsoft.com/office/drawing/2014/main" id="{89C3C4E6-F20C-803F-E219-5A2D16DB9F2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E9189924-B7F0-4CBF-8D68-3916772BCF5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40000" y="1933597"/>
            <a:ext cx="3520800" cy="291600"/>
          </a:xfrm>
        </p:spPr>
        <p:txBody>
          <a:bodyPr>
            <a:no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 kern="0" baseline="0"/>
            </a:lvl1pPr>
            <a:lvl2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2pPr>
            <a:lvl3pPr marL="0" indent="0">
              <a:spcAft>
                <a:spcPts val="0"/>
              </a:spcAft>
              <a:buNone/>
              <a:defRPr sz="1600" b="1"/>
            </a:lvl3pPr>
            <a:lvl4pPr marL="0" indent="0">
              <a:spcAft>
                <a:spcPts val="0"/>
              </a:spcAft>
              <a:buNone/>
              <a:defRPr sz="1600" b="1"/>
            </a:lvl4pPr>
            <a:lvl5pPr marL="0" indent="0">
              <a:spcAft>
                <a:spcPts val="0"/>
              </a:spcAft>
              <a:buNone/>
              <a:defRPr sz="1600" b="1"/>
            </a:lvl5pPr>
            <a:lvl6pPr marL="0" indent="0">
              <a:spcAft>
                <a:spcPts val="0"/>
              </a:spcAft>
              <a:buNone/>
              <a:defRPr sz="1600" b="1"/>
            </a:lvl6pPr>
            <a:lvl7pPr marL="0" indent="0">
              <a:spcAft>
                <a:spcPts val="0"/>
              </a:spcAft>
              <a:buNone/>
              <a:defRPr sz="1600" b="1"/>
            </a:lvl7pPr>
            <a:lvl8pPr marL="0" indent="0">
              <a:spcAft>
                <a:spcPts val="0"/>
              </a:spcAft>
              <a:buNone/>
              <a:defRPr sz="1600" b="1"/>
            </a:lvl8pPr>
            <a:lvl9pPr marL="0" indent="0">
              <a:spcAft>
                <a:spcPts val="0"/>
              </a:spcAft>
              <a:buNone/>
              <a:defRPr sz="1600" b="1"/>
            </a:lvl9pPr>
          </a:lstStyle>
          <a:p>
            <a:pPr lvl="0"/>
            <a:r>
              <a:rPr lang="nb-NO" noProof="0" dirty="0"/>
              <a:t>Chart title</a:t>
            </a:r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0FF5253F-F026-45AD-AE42-1D6510E417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2224160"/>
            <a:ext cx="3520800" cy="227248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200" kern="0" baseline="0"/>
            </a:lvl1pPr>
            <a:lvl2pPr marL="0" indent="0">
              <a:buNone/>
              <a:defRPr sz="1200"/>
            </a:lvl2pPr>
            <a:lvl3pPr marL="0" indent="0">
              <a:buNone/>
              <a:defRPr sz="1200"/>
            </a:lvl3pPr>
            <a:lvl4pPr marL="0" indent="0">
              <a:buNone/>
              <a:defRPr sz="1200"/>
            </a:lvl4pPr>
            <a:lvl5pPr marL="0" indent="0">
              <a:buNone/>
              <a:defRPr sz="1200"/>
            </a:lvl5pPr>
            <a:lvl6pPr marL="0" indent="0">
              <a:buNone/>
              <a:defRPr sz="1200"/>
            </a:lvl6pPr>
            <a:lvl7pPr marL="0" indent="0">
              <a:buNone/>
              <a:defRPr sz="1200"/>
            </a:lvl7pPr>
            <a:lvl8pPr marL="0" indent="0">
              <a:buNone/>
              <a:defRPr sz="1200"/>
            </a:lvl8pPr>
            <a:lvl9pPr marL="0" indent="0">
              <a:buNone/>
              <a:defRPr sz="1200"/>
            </a:lvl9pPr>
          </a:lstStyle>
          <a:p>
            <a:pPr lvl="0"/>
            <a:r>
              <a:rPr lang="nb-NO" dirty="0"/>
              <a:t>Subheading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5925"/>
            <a:ext cx="3521007" cy="3495600"/>
          </a:xfrm>
        </p:spPr>
        <p:txBody>
          <a:bodyPr/>
          <a:lstStyle>
            <a:lvl1pPr>
              <a:defRPr sz="1600"/>
            </a:lvl1pPr>
          </a:lstStyle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600" dirty="0">
              <a:effectLst/>
            </a:endParaRPr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1D28B1B-B6B2-41C4-84E4-763FE0C5CB0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334669" y="1933596"/>
            <a:ext cx="3521076" cy="291600"/>
          </a:xfrm>
        </p:spPr>
        <p:txBody>
          <a:bodyPr>
            <a:noAutofit/>
          </a:bodyPr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1600" b="1"/>
            </a:lvl1pPr>
            <a:lvl2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2pPr>
            <a:lvl3pPr marL="0" indent="0">
              <a:spcAft>
                <a:spcPts val="0"/>
              </a:spcAft>
              <a:buNone/>
              <a:defRPr sz="1600" b="1"/>
            </a:lvl3pPr>
            <a:lvl4pPr marL="0" indent="0">
              <a:spcAft>
                <a:spcPts val="0"/>
              </a:spcAft>
              <a:buNone/>
              <a:defRPr sz="1600" b="1"/>
            </a:lvl4pPr>
            <a:lvl5pPr marL="0" indent="0">
              <a:spcAft>
                <a:spcPts val="0"/>
              </a:spcAft>
              <a:buNone/>
              <a:defRPr sz="1600" b="1"/>
            </a:lvl5pPr>
            <a:lvl6pPr marL="0" indent="0">
              <a:spcAft>
                <a:spcPts val="0"/>
              </a:spcAft>
              <a:buNone/>
              <a:defRPr sz="1600" b="1"/>
            </a:lvl6pPr>
            <a:lvl7pPr marL="0" indent="0">
              <a:spcAft>
                <a:spcPts val="0"/>
              </a:spcAft>
              <a:buNone/>
              <a:defRPr sz="1600" b="1"/>
            </a:lvl7pPr>
            <a:lvl8pPr marL="0" indent="0">
              <a:spcAft>
                <a:spcPts val="0"/>
              </a:spcAft>
              <a:buNone/>
              <a:defRPr sz="1600" b="1"/>
            </a:lvl8pPr>
            <a:lvl9pPr marL="0" indent="0">
              <a:spcAft>
                <a:spcPts val="0"/>
              </a:spcAft>
              <a:buNone/>
              <a:defRPr sz="1600" b="1"/>
            </a:lvl9pPr>
          </a:lstStyle>
          <a:p>
            <a:pPr lvl="0"/>
            <a:r>
              <a:rPr lang="nb-NO" noProof="0" dirty="0"/>
              <a:t>Chart title</a:t>
            </a:r>
            <a:endParaRPr lang="nb-NO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4B2F23DF-0A6E-4787-875F-CA68E6E80E5A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34669" y="2224160"/>
            <a:ext cx="3521076" cy="227248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200" kern="0" baseline="0"/>
            </a:lvl1pPr>
            <a:lvl2pPr marL="0" indent="0">
              <a:buNone/>
              <a:defRPr sz="1200"/>
            </a:lvl2pPr>
            <a:lvl3pPr marL="0" indent="0">
              <a:buNone/>
              <a:defRPr sz="1200"/>
            </a:lvl3pPr>
            <a:lvl4pPr marL="0" indent="0">
              <a:buNone/>
              <a:defRPr sz="1200"/>
            </a:lvl4pPr>
            <a:lvl5pPr marL="0" indent="0">
              <a:buNone/>
              <a:defRPr sz="1200"/>
            </a:lvl5pPr>
            <a:lvl6pPr marL="0" indent="0">
              <a:buNone/>
              <a:defRPr sz="1200"/>
            </a:lvl6pPr>
            <a:lvl7pPr marL="0" indent="0">
              <a:buNone/>
              <a:defRPr sz="1200"/>
            </a:lvl7pPr>
            <a:lvl8pPr marL="0" indent="0">
              <a:buNone/>
              <a:defRPr sz="1200"/>
            </a:lvl8pPr>
            <a:lvl9pPr marL="0" indent="0">
              <a:buNone/>
              <a:defRPr sz="1200"/>
            </a:lvl9pPr>
          </a:lstStyle>
          <a:p>
            <a:pPr lvl="0"/>
            <a:r>
              <a:rPr lang="nb-NO" dirty="0"/>
              <a:t>Subheading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669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600" dirty="0">
              <a:effectLst/>
            </a:endParaRPr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61004909-C534-4909-A51E-BB0E2FC18E0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31200" y="1933596"/>
            <a:ext cx="3520800" cy="291600"/>
          </a:xfrm>
        </p:spPr>
        <p:txBody>
          <a:bodyPr>
            <a:noAutofit/>
          </a:bodyPr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1600" b="1" kern="0" baseline="0"/>
            </a:lvl1pPr>
            <a:lvl2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2pPr>
            <a:lvl3pPr marL="0" indent="0">
              <a:spcAft>
                <a:spcPts val="0"/>
              </a:spcAft>
              <a:buNone/>
              <a:defRPr sz="1600" b="1"/>
            </a:lvl3pPr>
            <a:lvl4pPr marL="0" indent="0">
              <a:spcAft>
                <a:spcPts val="0"/>
              </a:spcAft>
              <a:buNone/>
              <a:defRPr sz="1600" b="1"/>
            </a:lvl4pPr>
            <a:lvl5pPr marL="0" indent="0">
              <a:spcAft>
                <a:spcPts val="0"/>
              </a:spcAft>
              <a:buNone/>
              <a:defRPr sz="1600" b="1"/>
            </a:lvl5pPr>
            <a:lvl6pPr marL="0" indent="0">
              <a:spcAft>
                <a:spcPts val="0"/>
              </a:spcAft>
              <a:buNone/>
              <a:defRPr sz="1600" b="1"/>
            </a:lvl6pPr>
            <a:lvl7pPr marL="0" indent="0">
              <a:spcAft>
                <a:spcPts val="0"/>
              </a:spcAft>
              <a:buNone/>
              <a:defRPr sz="1600" b="1"/>
            </a:lvl7pPr>
            <a:lvl8pPr marL="0" indent="0">
              <a:spcAft>
                <a:spcPts val="0"/>
              </a:spcAft>
              <a:buNone/>
              <a:defRPr sz="1600" b="1"/>
            </a:lvl8pPr>
            <a:lvl9pPr marL="0" indent="0">
              <a:spcAft>
                <a:spcPts val="0"/>
              </a:spcAft>
              <a:buNone/>
              <a:defRPr sz="1600" b="1"/>
            </a:lvl9pPr>
          </a:lstStyle>
          <a:p>
            <a:pPr lvl="0"/>
            <a:r>
              <a:rPr lang="nb-NO" noProof="0" dirty="0"/>
              <a:t>Chart heading</a:t>
            </a:r>
            <a:endParaRPr lang="nb-NO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92EE32F3-ABE4-438E-8ECC-FCBA5C0B4E6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130924" y="2224160"/>
            <a:ext cx="3521076" cy="227248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200" kern="0" baseline="0"/>
            </a:lvl1pPr>
            <a:lvl2pPr marL="0" indent="0">
              <a:buNone/>
              <a:defRPr sz="1200"/>
            </a:lvl2pPr>
            <a:lvl3pPr marL="0" indent="0">
              <a:buNone/>
              <a:defRPr sz="1200"/>
            </a:lvl3pPr>
            <a:lvl4pPr marL="0" indent="0">
              <a:buNone/>
              <a:defRPr sz="1200"/>
            </a:lvl4pPr>
            <a:lvl5pPr marL="0" indent="0">
              <a:buNone/>
              <a:defRPr sz="1200"/>
            </a:lvl5pPr>
            <a:lvl6pPr marL="0" indent="0">
              <a:buNone/>
              <a:defRPr sz="1200"/>
            </a:lvl6pPr>
            <a:lvl7pPr marL="0" indent="0">
              <a:buNone/>
              <a:defRPr sz="1200"/>
            </a:lvl7pPr>
            <a:lvl8pPr marL="0" indent="0">
              <a:buNone/>
              <a:defRPr sz="1200"/>
            </a:lvl8pPr>
            <a:lvl9pPr marL="0" indent="0">
              <a:buNone/>
              <a:defRPr sz="1200"/>
            </a:lvl9pPr>
          </a:lstStyle>
          <a:p>
            <a:pPr lvl="0"/>
            <a:r>
              <a:rPr lang="nb-NO" dirty="0"/>
              <a:t>Subheading</a:t>
            </a:r>
            <a:endParaRPr lang="nb-NO"/>
          </a:p>
        </p:txBody>
      </p:sp>
      <p:sp>
        <p:nvSpPr>
          <p:cNvPr id="12" name="Content Placeholder 9">
            <a:extLst>
              <a:ext uri="{FF2B5EF4-FFF2-40B4-BE49-F238E27FC236}">
                <a16:creationId xmlns:a16="http://schemas.microsoft.com/office/drawing/2014/main" id="{555B9E4D-02D2-4B75-9037-0A374A35EF1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31200" y="2545925"/>
            <a:ext cx="3520800" cy="3495600"/>
          </a:xfrm>
        </p:spPr>
        <p:txBody>
          <a:bodyPr/>
          <a:lstStyle>
            <a:lvl1pPr>
              <a:defRPr sz="1600" kern="0" baseline="0"/>
            </a:lvl1pPr>
          </a:lstStyle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6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600" dirty="0">
              <a:effectLst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46594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fakta bok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D54E434-0FC3-4AFE-A04C-3E7F9B70B02D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24A68BB0-A451-3E80-92A1-B0373D68FBA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FE4F94C-C19B-546D-4D14-74C8ACC6FDB9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 rtl="0" eaLnBrk="1" latinLnBrk="0" hangingPunct="1">
              <a:defRPr lang="en-GB" sz="1800" kern="0" baseline="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</p:spPr>
        <p:txBody>
          <a:bodyPr tIns="180000" bIns="180000"/>
          <a:lstStyle>
            <a:lvl1pPr marL="0" indent="0">
              <a:buFont typeface="Veidekke Favorit Offc" panose="020B0504030202060203" pitchFamily="34" charset="0"/>
              <a:buChar char="​"/>
              <a:defRPr b="1" i="0" kern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nb-NO" noProof="0" dirty="0"/>
              <a:t>Click to add text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91190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+ fakta bok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5B1728A-7D41-408B-AB91-128E37FAE282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94921744-C3D1-FB39-24FE-3D7E801DC9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6F21E1EA-0A75-8E47-8F7C-843E12F9FDD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 rtl="0" eaLnBrk="1" latinLnBrk="0" hangingPunct="1">
              <a:defRPr lang="en-GB" sz="180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  <a:solidFill>
            <a:schemeClr val="accent3">
              <a:alpha val="50000"/>
            </a:schemeClr>
          </a:solidFill>
        </p:spPr>
        <p:txBody>
          <a:bodyPr lIns="180000" tIns="180000" rIns="180000" bIns="180000">
            <a:noAutofit/>
          </a:bodyPr>
          <a:lstStyle>
            <a:lvl1pPr marL="0" indent="0">
              <a:buFont typeface="Veidekke Favorit Offc" panose="020B0504030202060203" pitchFamily="34" charset="0"/>
              <a:buNone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nb-NO" dirty="0"/>
              <a:t>Click to add text or change background color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93197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35EAE886-C500-434E-A2CF-E9FFB552CF79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7D4E8EA0-4292-B026-08A4-7E7096FAFB6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8359E761-AE2D-A412-2404-0DF670B21BC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400" cy="4107600"/>
          </a:xfrm>
        </p:spPr>
        <p:txBody>
          <a:bodyPr/>
          <a:lstStyle>
            <a:lvl1pPr rtl="0" eaLnBrk="1" latinLnBrk="0" hangingPunct="1">
              <a:defRPr lang="en-GB" sz="180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001" y="1933200"/>
            <a:ext cx="3524400" cy="4107600"/>
          </a:xfrm>
        </p:spPr>
        <p:txBody>
          <a:bodyPr/>
          <a:lstStyle>
            <a:lvl1pPr rtl="0" eaLnBrk="1" latinLnBrk="0" hangingPunct="1">
              <a:defRPr lang="en-GB" sz="180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28001" y="1933200"/>
            <a:ext cx="3524400" cy="4107600"/>
          </a:xfrm>
        </p:spPr>
        <p:txBody>
          <a:bodyPr/>
          <a:lstStyle>
            <a:lvl1pPr rtl="0" eaLnBrk="1" latinLnBrk="0" hangingPunct="1">
              <a:defRPr lang="en-GB" sz="180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312636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fi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F6674B80-D2AB-CFFA-15C5-8A727D8CD3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D4157911-84B7-366A-B2B4-BB0B1B507EDF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kern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Click to add tex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86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kern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Click to add text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2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kern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Click to add text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78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kern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Click to add text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601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seks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8BF32D83-9871-3B5B-9421-A6D896F3E4C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B945A9EA-6019-738E-E39D-5AC1C650EFC9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kern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Click to add tex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43696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kern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Click to add text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33392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kern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Click to add text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3088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kern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Click to add text</a:t>
            </a:r>
            <a:endParaRPr lang="nb-NO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EFB7AF45-BB78-40B9-9780-915A1F4D8B43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812784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400" b="1" i="0" kern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Click to add text</a:t>
            </a:r>
            <a:endParaRPr lang="nb-NO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FE745FF-4C9E-4827-9457-E8D6757C5D89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0248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kern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Click to add text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67395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 err="1"/>
              <a:t>Klikk</a:t>
            </a:r>
            <a:r>
              <a:rPr lang="nb-NO" dirty="0"/>
              <a:t> for å </a:t>
            </a:r>
            <a:r>
              <a:rPr lang="nb-NO" dirty="0" err="1"/>
              <a:t>legge</a:t>
            </a:r>
            <a:r>
              <a:rPr lang="nb-NO" dirty="0"/>
              <a:t> til </a:t>
            </a:r>
            <a:r>
              <a:rPr lang="nb-NO" dirty="0" err="1"/>
              <a:t>bildetekst</a:t>
            </a:r>
            <a:r>
              <a:rPr lang="nb-NO" dirty="0"/>
              <a:t> </a:t>
            </a:r>
            <a:endParaRPr lang="nb-NO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6" name="GeneralDate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670686" y="0"/>
            <a:ext cx="3519917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the Fotoware icon in the Templafy pane</a:t>
            </a:r>
            <a:endParaRPr lang="nb-NO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C58FEB11-FDF1-11C1-BF79-8016C194EA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8" y="554400"/>
            <a:ext cx="7306423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7" name="Subtitle 2">
            <a:extLst>
              <a:ext uri="{FF2B5EF4-FFF2-40B4-BE49-F238E27FC236}">
                <a16:creationId xmlns:a16="http://schemas.microsoft.com/office/drawing/2014/main" id="{24E9D1F2-65A3-810D-E569-5200D023B24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39999" y="1119601"/>
            <a:ext cx="7306423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7306423" cy="4107600"/>
          </a:xfrm>
        </p:spPr>
        <p:txBody>
          <a:bodyPr lIns="0" tIns="0" rIns="0" bIns="0"/>
          <a:lstStyle>
            <a:lvl1pPr rtl="0" eaLnBrk="1" latinLnBrk="0" hangingPunct="1">
              <a:defRPr lang="en-GB" sz="1800" kern="0" baseline="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FDDAA42F-78A5-D745-9602-4D20C4F95B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61554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0" spc="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cka för att lägga till bildtext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Footer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1967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lys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A5F6DFF3-23E9-DF7F-22F1-7E309F57090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59600" y="1342453"/>
            <a:ext cx="1416823" cy="247282"/>
          </a:xfrm>
          <a:prstGeom prst="rect">
            <a:avLst/>
          </a:prstGeom>
        </p:spPr>
      </p:pic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C6B380CA-A853-B56D-E6A9-D949B476001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281613" y="0"/>
            <a:ext cx="6910387" cy="6858000"/>
          </a:xfrm>
          <a:custGeom>
            <a:avLst/>
            <a:gdLst>
              <a:gd name="connsiteX0" fmla="*/ 2287073 w 6873026"/>
              <a:gd name="connsiteY0" fmla="*/ 0 h 6858000"/>
              <a:gd name="connsiteX1" fmla="*/ 6873026 w 6873026"/>
              <a:gd name="connsiteY1" fmla="*/ 0 h 6858000"/>
              <a:gd name="connsiteX2" fmla="*/ 6873026 w 6873026"/>
              <a:gd name="connsiteY2" fmla="*/ 6858000 h 6858000"/>
              <a:gd name="connsiteX3" fmla="*/ 0 w 6873026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873026" h="6858000">
                <a:moveTo>
                  <a:pt x="2287073" y="0"/>
                </a:moveTo>
                <a:lnTo>
                  <a:pt x="6873026" y="0"/>
                </a:lnTo>
                <a:lnTo>
                  <a:pt x="6873026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 rtl="0" eaLnBrk="1" latinLnBrk="0" hangingPunct="1">
              <a:buNone/>
              <a:defRPr lang="en-GB" sz="1800" kern="0" baseline="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on placeholder and insert an image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through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Fotoware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icon in the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Templafy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pane</a:t>
            </a:r>
            <a:endParaRPr lang="nb-NO" sz="1800" dirty="0">
              <a:effectLst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3C10DA2-70C1-1A2E-BB31-A2A88F42A1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680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100000"/>
              </a:lnSpc>
              <a:defRPr sz="4000" b="0" i="0" kern="0" spc="0" baseline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Coverpage title</a:t>
            </a:r>
            <a:br>
              <a:rPr lang="sv-SE" dirty="0"/>
            </a:br>
            <a:r>
              <a:rPr lang="nb-NO" dirty="0"/>
              <a:t>max 3 rows</a:t>
            </a:r>
            <a:endParaRPr lang="nb-NO"/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FA30F562-A0D1-4793-4A22-4CA1B622E7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29259"/>
            <a:ext cx="4252138" cy="288000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2pPr>
            <a:lvl3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3pPr>
            <a:lvl4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4pPr>
            <a:lvl5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5pPr>
            <a:lvl6pPr marL="0" indent="0">
              <a:buNone/>
              <a:defRPr sz="900">
                <a:solidFill>
                  <a:schemeClr val="accent2"/>
                </a:solidFill>
              </a:defRPr>
            </a:lvl6pPr>
            <a:lvl7pPr marL="0" indent="0">
              <a:buNone/>
              <a:defRPr sz="900">
                <a:solidFill>
                  <a:schemeClr val="accent2"/>
                </a:solidFill>
              </a:defRPr>
            </a:lvl7pPr>
            <a:lvl8pPr marL="0" indent="0">
              <a:buNone/>
              <a:defRPr sz="900">
                <a:solidFill>
                  <a:schemeClr val="accent2"/>
                </a:solidFill>
              </a:defRPr>
            </a:lvl8pPr>
            <a:lvl9pPr marL="0" indent="0">
              <a:buNone/>
              <a:defRPr sz="900">
                <a:solidFill>
                  <a:schemeClr val="accent2"/>
                </a:solidFill>
              </a:defRPr>
            </a:lvl9pPr>
          </a:lstStyle>
          <a:p>
            <a:pPr lvl="0"/>
            <a:r>
              <a:rPr lang="nb-NO" dirty="0"/>
              <a:t>Click to add date or text</a:t>
            </a:r>
            <a:endParaRPr lang="nb-NO"/>
          </a:p>
        </p:txBody>
      </p:sp>
      <p:sp>
        <p:nvSpPr>
          <p:cNvPr id="9" name="Text Placeholder 5">
            <a:extLst>
              <a:ext uri="{FF2B5EF4-FFF2-40B4-BE49-F238E27FC236}">
                <a16:creationId xmlns:a16="http://schemas.microsoft.com/office/drawing/2014/main" id="{48E994D3-013D-76FD-A3E1-D714B083E925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924640"/>
            <a:ext cx="4252138" cy="180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tabLst/>
              <a:defRPr sz="900" kern="0" baseline="0">
                <a:solidFill>
                  <a:schemeClr val="accent2"/>
                </a:solidFill>
              </a:defRPr>
            </a:lvl1pPr>
            <a:lvl2pPr marL="0" indent="0">
              <a:buNone/>
              <a:defRPr sz="900">
                <a:solidFill>
                  <a:schemeClr val="accent2"/>
                </a:solidFill>
              </a:defRPr>
            </a:lvl2pPr>
            <a:lvl3pPr marL="0" indent="0">
              <a:buNone/>
              <a:defRPr sz="900">
                <a:solidFill>
                  <a:schemeClr val="accent2"/>
                </a:solidFill>
              </a:defRPr>
            </a:lvl3pPr>
            <a:lvl4pPr marL="0" indent="0">
              <a:buNone/>
              <a:defRPr sz="900">
                <a:solidFill>
                  <a:schemeClr val="accent2"/>
                </a:solidFill>
              </a:defRPr>
            </a:lvl4pPr>
            <a:lvl5pPr marL="0" indent="0">
              <a:buNone/>
              <a:defRPr sz="900">
                <a:solidFill>
                  <a:schemeClr val="accent2"/>
                </a:solidFill>
              </a:defRPr>
            </a:lvl5pPr>
            <a:lvl6pPr marL="0" indent="0">
              <a:buNone/>
              <a:defRPr sz="900">
                <a:solidFill>
                  <a:schemeClr val="accent2"/>
                </a:solidFill>
              </a:defRPr>
            </a:lvl6pPr>
            <a:lvl7pPr marL="0" indent="0">
              <a:buNone/>
              <a:defRPr sz="900">
                <a:solidFill>
                  <a:schemeClr val="accent2"/>
                </a:solidFill>
              </a:defRPr>
            </a:lvl7pPr>
            <a:lvl8pPr marL="0" indent="0">
              <a:buNone/>
              <a:defRPr sz="900">
                <a:solidFill>
                  <a:schemeClr val="accent2"/>
                </a:solidFill>
              </a:defRPr>
            </a:lvl8pPr>
            <a:lvl9pPr marL="0" indent="0">
              <a:buNone/>
              <a:defRPr sz="900">
                <a:solidFill>
                  <a:schemeClr val="accent2"/>
                </a:solidFill>
              </a:defRPr>
            </a:lvl9pPr>
          </a:lstStyle>
          <a:p>
            <a:pPr lvl="0"/>
            <a:r>
              <a:rPr lang="nb-NO" dirty="0"/>
              <a:t>Click to add presentors name or tex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67072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AD1801BA-A97F-41B0-BB39-0F38648B1E2D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A015E3A-E66B-4519-9B7F-D83F2D016038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B9CA4AB-8788-4366-86A5-B641CA8437FC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31001" y="0"/>
            <a:ext cx="3522600" cy="6858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Click on placeholder and insert an image through the Fotoware icon in the Templafy pane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5E8BFB2-DFD2-D873-D17E-C99A79110F7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4725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48AD2F3A-0096-AFD6-2992-A379AB1A5A6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4725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1" y="1933200"/>
            <a:ext cx="4472500" cy="4107600"/>
          </a:xfrm>
        </p:spPr>
        <p:txBody>
          <a:bodyPr/>
          <a:lstStyle>
            <a:lvl1pPr rtl="0" eaLnBrk="1" latinLnBrk="0" hangingPunct="1">
              <a:defRPr lang="en-GB" sz="1800" kern="0" baseline="0" smtClean="0">
                <a:effectLst/>
              </a:defRPr>
            </a:lvl1pPr>
            <a:lvl5pPr>
              <a:defRPr/>
            </a:lvl5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nb-NO" noProof="0" dirty="0"/>
              <a:t>Click to add text</a:t>
            </a:r>
            <a:endParaRPr lang="nb-NO" dirty="0"/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17DA896-08B0-6B71-91FA-C91947A1C57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0" spc="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Click to add caption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F8AE0-C735-4F0C-91CE-1B419C6EE644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46807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11" hidden="1">
            <a:extLst>
              <a:ext uri="{FF2B5EF4-FFF2-40B4-BE49-F238E27FC236}">
                <a16:creationId xmlns:a16="http://schemas.microsoft.com/office/drawing/2014/main" id="{A7C02027-249A-4636-BB11-ABB0B1743653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1D6F2D46-6967-43F1-9514-B79C35C8C345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15" name="Footer Placeholder 14" hidden="1">
            <a:extLst>
              <a:ext uri="{FF2B5EF4-FFF2-40B4-BE49-F238E27FC236}">
                <a16:creationId xmlns:a16="http://schemas.microsoft.com/office/drawing/2014/main" id="{479FDFDE-C4D5-4BA3-9374-79CDD76FA9A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7" name="GeneralDate" hidden="1" title="GeneralDate">
            <a:extLst>
              <a:ext uri="{FF2B5EF4-FFF2-40B4-BE49-F238E27FC236}">
                <a16:creationId xmlns:a16="http://schemas.microsoft.com/office/drawing/2014/main" id="{45AA3AA0-E74C-4578-8297-03F273FE4798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9753599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 rtl="0" eaLnBrk="1" latinLnBrk="0" hangingPunct="1">
              <a:buNone/>
              <a:defRPr lang="en-GB" sz="1800" kern="0" baseline="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on placeholder and insert an image through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Fotoware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icon in the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Templafy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pane</a:t>
            </a:r>
            <a:endParaRPr lang="nb-NO" sz="1800" dirty="0">
              <a:effectLst/>
            </a:endParaRP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B4C638A-3EB7-12F5-9788-154C656838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 kern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EB6CBE65-98B2-5CD6-B3A2-BC787586ECA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 kern="0" baseline="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nb-NO" noProof="0" dirty="0"/>
              <a:t>Click to add text</a:t>
            </a:r>
            <a:endParaRPr lang="nb-NO" dirty="0"/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67065131-6AC2-86C8-DAF6-CCEAFE0E63A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0" spc="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Click to add caption</a:t>
            </a:r>
            <a:endParaRPr lang="nb-NO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56BC7627-72EB-4719-85A4-6E0E923BF52A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32" name="Footer" title="Footer">
            <a:extLst>
              <a:ext uri="{FF2B5EF4-FFF2-40B4-BE49-F238E27FC236}">
                <a16:creationId xmlns:a16="http://schemas.microsoft.com/office/drawing/2014/main" id="{AD3385EB-1A8C-44C6-B311-116C443541A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0191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Date Placeholder 33" hidden="1">
            <a:extLst>
              <a:ext uri="{FF2B5EF4-FFF2-40B4-BE49-F238E27FC236}">
                <a16:creationId xmlns:a16="http://schemas.microsoft.com/office/drawing/2014/main" id="{35AF27D4-6A9C-4EBA-AAD5-89E1B2796ABE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8A94E7A-F47E-47C4-B3AF-81B765EE6695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35" name="Footer Placeholder 34" hidden="1">
            <a:extLst>
              <a:ext uri="{FF2B5EF4-FFF2-40B4-BE49-F238E27FC236}">
                <a16:creationId xmlns:a16="http://schemas.microsoft.com/office/drawing/2014/main" id="{B66F3FA6-C28D-4462-909B-3B38F6E63364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 rtl="0" eaLnBrk="1" latinLnBrk="0" hangingPunct="1">
              <a:buNone/>
              <a:defRPr lang="en-GB" sz="1800" kern="0" baseline="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on placeholder and insert an image through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Fotoware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icon in the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Templafy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pane</a:t>
            </a:r>
            <a:endParaRPr lang="nb-NO" sz="1800" dirty="0">
              <a:effectLst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 kern="0" baseline="0">
                <a:solidFill>
                  <a:schemeClr val="bg1"/>
                </a:solidFill>
              </a:defRPr>
            </a:lvl1pPr>
            <a:lvl2pPr marL="215900" indent="-215900">
              <a:buClrTx/>
              <a:defRPr sz="1200">
                <a:solidFill>
                  <a:schemeClr val="bg1"/>
                </a:solidFill>
              </a:defRPr>
            </a:lvl2pPr>
            <a:lvl3pPr marL="432000">
              <a:buClrTx/>
              <a:defRPr sz="1200">
                <a:solidFill>
                  <a:schemeClr val="bg1"/>
                </a:solidFill>
              </a:defRPr>
            </a:lvl3pPr>
            <a:lvl4pPr marL="648000" indent="0">
              <a:buClrTx/>
              <a:buNone/>
              <a:defRPr sz="1200">
                <a:solidFill>
                  <a:schemeClr val="bg1"/>
                </a:solidFill>
              </a:defRPr>
            </a:lvl4pPr>
            <a:lvl5pPr>
              <a:buClrTx/>
              <a:defRPr sz="1200">
                <a:solidFill>
                  <a:schemeClr val="bg1"/>
                </a:solidFill>
              </a:defRPr>
            </a:lvl5pPr>
            <a:lvl6pPr>
              <a:buClrTx/>
              <a:defRPr sz="1200">
                <a:solidFill>
                  <a:schemeClr val="bg1"/>
                </a:solidFill>
              </a:defRPr>
            </a:lvl6pPr>
            <a:lvl7pPr>
              <a:buClrTx/>
              <a:defRPr sz="1200">
                <a:solidFill>
                  <a:schemeClr val="bg1"/>
                </a:solidFill>
              </a:defRPr>
            </a:lvl7pPr>
            <a:lvl8pPr>
              <a:buClrTx/>
              <a:defRPr sz="1200">
                <a:solidFill>
                  <a:schemeClr val="bg1"/>
                </a:solidFill>
              </a:defRPr>
            </a:lvl8pPr>
            <a:lvl9pPr>
              <a:buClrTx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nb-NO" noProof="0" dirty="0"/>
              <a:t>Click to add text</a:t>
            </a:r>
            <a:endParaRPr lang="nb-NO" dirty="0"/>
          </a:p>
        </p:txBody>
      </p:sp>
      <p:sp>
        <p:nvSpPr>
          <p:cNvPr id="36" name="Slide Number Placeholder 35">
            <a:extLst>
              <a:ext uri="{FF2B5EF4-FFF2-40B4-BE49-F238E27FC236}">
                <a16:creationId xmlns:a16="http://schemas.microsoft.com/office/drawing/2014/main" id="{570957F8-6AE6-4B9A-AEA5-BA095201A895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2" name="Footer" title="Footer">
            <a:extLst>
              <a:ext uri="{FF2B5EF4-FFF2-40B4-BE49-F238E27FC236}">
                <a16:creationId xmlns:a16="http://schemas.microsoft.com/office/drawing/2014/main" id="{FC1D6A2E-209D-F74C-5A15-98A8E75B8334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bg1"/>
              </a:solidFill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E52E99A1-BBE1-C2C9-52DC-E537688AFE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88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0" spc="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Click to add caption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609E7730-0D92-06F3-D045-B21E2C01931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 kern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1C49EA0C-32DA-3A76-CFB9-6EFA11223F6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24624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 err="1"/>
              <a:t>Klikk</a:t>
            </a:r>
            <a:r>
              <a:rPr lang="nb-NO" dirty="0"/>
              <a:t> for å </a:t>
            </a:r>
            <a:r>
              <a:rPr lang="nb-NO" dirty="0" err="1"/>
              <a:t>legge</a:t>
            </a:r>
            <a:r>
              <a:rPr lang="nb-NO" dirty="0"/>
              <a:t> til </a:t>
            </a:r>
            <a:r>
              <a:rPr lang="nb-NO" dirty="0" err="1"/>
              <a:t>bildetekst</a:t>
            </a:r>
            <a:r>
              <a:rPr lang="nb-NO" dirty="0"/>
              <a:t> </a:t>
            </a:r>
            <a:endParaRPr lang="nb-NO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6" name="GeneralDate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" name="Picture Placeholder 2">
            <a:extLst>
              <a:ext uri="{FF2B5EF4-FFF2-40B4-BE49-F238E27FC236}">
                <a16:creationId xmlns:a16="http://schemas.microsoft.com/office/drawing/2014/main" id="{E07A3C34-BD1C-20B6-FD52-C274B6A4B47F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281613" y="0"/>
            <a:ext cx="6910387" cy="6858000"/>
          </a:xfrm>
          <a:custGeom>
            <a:avLst/>
            <a:gdLst>
              <a:gd name="connsiteX0" fmla="*/ 2287073 w 6873026"/>
              <a:gd name="connsiteY0" fmla="*/ 0 h 6858000"/>
              <a:gd name="connsiteX1" fmla="*/ 6873026 w 6873026"/>
              <a:gd name="connsiteY1" fmla="*/ 0 h 6858000"/>
              <a:gd name="connsiteX2" fmla="*/ 6873026 w 6873026"/>
              <a:gd name="connsiteY2" fmla="*/ 6858000 h 6858000"/>
              <a:gd name="connsiteX3" fmla="*/ 0 w 6873026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873026" h="6858000">
                <a:moveTo>
                  <a:pt x="2287073" y="0"/>
                </a:moveTo>
                <a:lnTo>
                  <a:pt x="6873026" y="0"/>
                </a:lnTo>
                <a:lnTo>
                  <a:pt x="6873026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72000" tIns="72000" rIns="72000" bIns="180000" anchor="b" anchorCtr="0">
            <a:noAutofit/>
          </a:bodyPr>
          <a:lstStyle>
            <a:lvl1pPr marL="0" indent="0" algn="ctr" rtl="0" eaLnBrk="1" latinLnBrk="0" hangingPunct="1">
              <a:buNone/>
              <a:defRPr lang="en-GB" sz="1800" kern="0" baseline="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on placeholder and insert an image 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through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Fotoware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icon in the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Templafy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pane</a:t>
            </a:r>
            <a:endParaRPr lang="nb-NO" sz="1800" dirty="0">
              <a:effectLst/>
            </a:endParaRP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471738" cy="4107600"/>
          </a:xfrm>
        </p:spPr>
        <p:txBody>
          <a:bodyPr/>
          <a:lstStyle>
            <a:lvl1pPr rtl="0" eaLnBrk="1" latinLnBrk="0" hangingPunct="1">
              <a:defRPr lang="en-GB" sz="1800" kern="0" baseline="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Footer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114D67B-F41C-9C4B-C27C-156D86A2279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5690939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4" name="Subtitle 2">
            <a:extLst>
              <a:ext uri="{FF2B5EF4-FFF2-40B4-BE49-F238E27FC236}">
                <a16:creationId xmlns:a16="http://schemas.microsoft.com/office/drawing/2014/main" id="{F6565B1A-41A0-DF86-CEF1-8DFAD0F2B9D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5690938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9" name="Text Placeholder 11">
            <a:extLst>
              <a:ext uri="{FF2B5EF4-FFF2-40B4-BE49-F238E27FC236}">
                <a16:creationId xmlns:a16="http://schemas.microsoft.com/office/drawing/2014/main" id="{7AE3D61C-645B-BD4E-D863-CC91A2ECB29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525446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0" spc="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Click to add caption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853865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7C4F0014-27A5-4553-95CD-29D6E363972F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B620C3E7-E7AE-4941-BA59-764737E75638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A1AA6A08-727A-46DD-81F5-0D671522EE5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40000" y="814574"/>
            <a:ext cx="7316788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3" y="1381498"/>
            <a:ext cx="4786931" cy="2047502"/>
          </a:xfrm>
        </p:spPr>
        <p:txBody>
          <a:bodyPr/>
          <a:lstStyle>
            <a:lvl1pPr>
              <a:defRPr b="0" spc="-10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Click to add text. Highlight selected words in bold.</a:t>
            </a:r>
            <a:endParaRPr lang="nb-NO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1" y="809998"/>
            <a:ext cx="3522662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E25EEA1-6143-4D43-9241-24E11061080D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37333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D57ED5BF-CDB8-48DC-811C-E6BCA19807C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ADD6D47-5A80-4647-8982-99E88EBB294E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D794965-EE4F-4E2F-B12B-97B08930DD1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541337" y="3560400"/>
            <a:ext cx="731041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809998"/>
            <a:ext cx="3522662" cy="523080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C90E4DE-10E6-4400-97D3-6B14B73560B1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C362676E-3D3E-46F0-FCE0-8FDB06A3C59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2" y="1381498"/>
            <a:ext cx="5501307" cy="1666502"/>
          </a:xfrm>
        </p:spPr>
        <p:txBody>
          <a:bodyPr/>
          <a:lstStyle>
            <a:lvl1pPr>
              <a:defRPr b="0" kern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Click to add text. Highlight selected words in bold.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690011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FEEF6E8-34C6-4798-B9BD-2B7937D0DD65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89EA4097-46A1-4EE3-964B-8871514C48B0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3D94025-5046-4A78-B89A-36EAA39D504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4000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352266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F463F5F-EFE1-4016-A244-AC724227A76C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7B6AAEE7-8134-5023-6182-A139E766160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3" y="1381498"/>
            <a:ext cx="4786931" cy="2047502"/>
          </a:xfrm>
        </p:spPr>
        <p:txBody>
          <a:bodyPr/>
          <a:lstStyle>
            <a:lvl1pPr>
              <a:defRPr b="0" kern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Click to add text. Highlight selected words in bold.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44271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5421252" cy="24789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230940" y="809998"/>
            <a:ext cx="541972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39750" y="3560400"/>
            <a:ext cx="541972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30939" y="3560400"/>
            <a:ext cx="5419724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376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1625601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1000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id="{30808F22-C2ED-4B8C-ACF1-2B5167DFE5C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74398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D00B7D4B-D691-2F32-513C-8FFB7F3787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3" y="1381498"/>
            <a:ext cx="4786931" cy="2047502"/>
          </a:xfrm>
        </p:spPr>
        <p:txBody>
          <a:bodyPr/>
          <a:lstStyle>
            <a:lvl1pPr>
              <a:defRPr b="0" kern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Click to add text. Highlight selected words in bold.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30416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EDC79EB-E94E-4BA8-8FEE-16D41D2AA2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7FD16C9-AF19-4CF6-ACD6-500227C5855C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CCDE022-BFFF-4556-A5CE-C02E361B49D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2574925" cy="3844802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04425"/>
            <a:ext cx="1627188" cy="1116000"/>
          </a:xfrm>
          <a:solidFill>
            <a:srgbClr val="DADADA"/>
          </a:solidFill>
        </p:spPr>
        <p:txBody>
          <a:bodyPr tIns="36000" anchor="t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Veidekke Favorit Offc" panose="020B0504030202060203" pitchFamily="34" charset="0"/>
              <a:buNone/>
              <a:tabLst/>
              <a:defRPr sz="1000" kern="0" baseline="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Veidekke Favorit Offc" panose="020B0504030202060203" pitchFamily="34" charset="0"/>
              <a:buNone/>
              <a:tabLst/>
              <a:defRPr/>
            </a:pPr>
            <a:r>
              <a:rPr lang="nb-NO" dirty="0"/>
              <a:t>Click on placeholder and insert an image through Fotoware icon in the Templafy pane</a:t>
            </a:r>
            <a:endParaRPr lang="nb-NO"/>
          </a:p>
          <a:p>
            <a:r>
              <a:rPr lang="nb-NO" dirty="0"/>
              <a:t>plafy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256E9F-4453-44F8-A417-02EEC71690F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6636F-536F-66BD-121F-90BAA18B3C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3" y="1381498"/>
            <a:ext cx="4786931" cy="2047502"/>
          </a:xfrm>
        </p:spPr>
        <p:txBody>
          <a:bodyPr/>
          <a:lstStyle>
            <a:lvl1pPr>
              <a:defRPr b="0" spc="-10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Click to add text. Highlight selected words in bold.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921314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hv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E4A437E-B48A-191F-6DCE-E8A57C58C3D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680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100000"/>
              </a:lnSpc>
              <a:defRPr sz="4000" b="0" i="0" kern="0" spc="0" baseline="0">
                <a:solidFill>
                  <a:schemeClr val="accent1"/>
                </a:solidFill>
              </a:defRPr>
            </a:lvl1pPr>
          </a:lstStyle>
          <a:p>
            <a:r>
              <a:rPr lang="nb-NO" dirty="0"/>
              <a:t>Coverpage title</a:t>
            </a:r>
            <a:br>
              <a:rPr lang="sv-SE" dirty="0"/>
            </a:br>
            <a:r>
              <a:rPr lang="nb-NO" dirty="0"/>
              <a:t>max 3 rows</a:t>
            </a:r>
            <a:endParaRPr lang="nb-NO"/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B2C82C55-7A24-17A1-4C91-B86B6EC2406E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59600" y="1342453"/>
            <a:ext cx="1416823" cy="247282"/>
          </a:xfrm>
          <a:prstGeom prst="rect">
            <a:avLst/>
          </a:prstGeom>
        </p:spPr>
      </p:pic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7C414D1B-3A91-7646-4CA2-4154F3EFCB0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281613" y="0"/>
            <a:ext cx="6910387" cy="6858000"/>
          </a:xfrm>
          <a:custGeom>
            <a:avLst/>
            <a:gdLst>
              <a:gd name="connsiteX0" fmla="*/ 2287073 w 6873026"/>
              <a:gd name="connsiteY0" fmla="*/ 0 h 6858000"/>
              <a:gd name="connsiteX1" fmla="*/ 6873026 w 6873026"/>
              <a:gd name="connsiteY1" fmla="*/ 0 h 6858000"/>
              <a:gd name="connsiteX2" fmla="*/ 6873026 w 6873026"/>
              <a:gd name="connsiteY2" fmla="*/ 6858000 h 6858000"/>
              <a:gd name="connsiteX3" fmla="*/ 0 w 6873026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873026" h="6858000">
                <a:moveTo>
                  <a:pt x="2287073" y="0"/>
                </a:moveTo>
                <a:lnTo>
                  <a:pt x="6873026" y="0"/>
                </a:lnTo>
                <a:lnTo>
                  <a:pt x="6873026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 rtl="0" eaLnBrk="1" latinLnBrk="0" hangingPunct="1">
              <a:buNone/>
              <a:defRPr lang="en-GB" sz="1800" kern="0" baseline="0" smtClean="0">
                <a:effectLst/>
              </a:defRPr>
            </a:lvl1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on placeholder and insert an image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through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Fotoware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icon in the </a:t>
            </a:r>
            <a:r>
              <a:rPr lang="nb-NO" sz="1800" kern="1200" dirty="0" err="1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Templafy</a:t>
            </a: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 pane</a:t>
            </a:r>
            <a:endParaRPr lang="nb-NO" sz="1800" dirty="0">
              <a:effectLst/>
            </a:endParaRPr>
          </a:p>
        </p:txBody>
      </p:sp>
      <p:sp>
        <p:nvSpPr>
          <p:cNvPr id="5" name="Text Placeholder 3">
            <a:extLst>
              <a:ext uri="{FF2B5EF4-FFF2-40B4-BE49-F238E27FC236}">
                <a16:creationId xmlns:a16="http://schemas.microsoft.com/office/drawing/2014/main" id="{B35E6370-F598-5BC0-6076-5DF508C7F24B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29259"/>
            <a:ext cx="4252138" cy="288000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 sz="900" kern="0" baseline="0">
                <a:solidFill>
                  <a:schemeClr val="accent2"/>
                </a:solidFill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2pPr>
            <a:lvl3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3pPr>
            <a:lvl4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4pPr>
            <a:lvl5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5pPr>
            <a:lvl6pPr marL="0" indent="0">
              <a:buNone/>
              <a:defRPr sz="900">
                <a:solidFill>
                  <a:schemeClr val="accent2"/>
                </a:solidFill>
              </a:defRPr>
            </a:lvl6pPr>
            <a:lvl7pPr marL="0" indent="0">
              <a:buNone/>
              <a:defRPr sz="900">
                <a:solidFill>
                  <a:schemeClr val="accent2"/>
                </a:solidFill>
              </a:defRPr>
            </a:lvl7pPr>
            <a:lvl8pPr marL="0" indent="0">
              <a:buNone/>
              <a:defRPr sz="900">
                <a:solidFill>
                  <a:schemeClr val="accent2"/>
                </a:solidFill>
              </a:defRPr>
            </a:lvl8pPr>
            <a:lvl9pPr marL="0" indent="0">
              <a:buNone/>
              <a:defRPr sz="900">
                <a:solidFill>
                  <a:schemeClr val="accent2"/>
                </a:solidFill>
              </a:defRPr>
            </a:lvl9pPr>
          </a:lstStyle>
          <a:p>
            <a:pPr lvl="0"/>
            <a:r>
              <a:rPr lang="nb-NO" dirty="0"/>
              <a:t>Click to add date or text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D1238890-B8B2-915F-92C3-9FFE5B9ED20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924640"/>
            <a:ext cx="4252138" cy="180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tabLst/>
              <a:defRPr sz="900">
                <a:solidFill>
                  <a:schemeClr val="accent2"/>
                </a:solidFill>
              </a:defRPr>
            </a:lvl1pPr>
            <a:lvl2pPr marL="0" indent="0">
              <a:buNone/>
              <a:defRPr sz="900">
                <a:solidFill>
                  <a:schemeClr val="accent2"/>
                </a:solidFill>
              </a:defRPr>
            </a:lvl2pPr>
            <a:lvl3pPr marL="0" indent="0">
              <a:buNone/>
              <a:defRPr sz="900">
                <a:solidFill>
                  <a:schemeClr val="accent2"/>
                </a:solidFill>
              </a:defRPr>
            </a:lvl3pPr>
            <a:lvl4pPr marL="0" indent="0">
              <a:buNone/>
              <a:defRPr sz="900">
                <a:solidFill>
                  <a:schemeClr val="accent2"/>
                </a:solidFill>
              </a:defRPr>
            </a:lvl4pPr>
            <a:lvl5pPr marL="0" indent="0">
              <a:buNone/>
              <a:defRPr sz="900">
                <a:solidFill>
                  <a:schemeClr val="accent2"/>
                </a:solidFill>
              </a:defRPr>
            </a:lvl5pPr>
            <a:lvl6pPr marL="0" indent="0">
              <a:buNone/>
              <a:defRPr sz="900">
                <a:solidFill>
                  <a:schemeClr val="accent2"/>
                </a:solidFill>
              </a:defRPr>
            </a:lvl6pPr>
            <a:lvl7pPr marL="0" indent="0">
              <a:buNone/>
              <a:defRPr sz="900">
                <a:solidFill>
                  <a:schemeClr val="accent2"/>
                </a:solidFill>
              </a:defRPr>
            </a:lvl7pPr>
            <a:lvl8pPr marL="0" indent="0">
              <a:buNone/>
              <a:defRPr sz="900">
                <a:solidFill>
                  <a:schemeClr val="accent2"/>
                </a:solidFill>
              </a:defRPr>
            </a:lvl8pPr>
            <a:lvl9pPr marL="0" indent="0">
              <a:buNone/>
              <a:defRPr sz="900">
                <a:solidFill>
                  <a:schemeClr val="accent2"/>
                </a:solidFill>
              </a:defRPr>
            </a:lvl9pPr>
          </a:lstStyle>
          <a:p>
            <a:pPr lvl="0"/>
            <a:r>
              <a:rPr lang="nb-NO" dirty="0"/>
              <a:t>Click to add presentors name or tex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59274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6CE5F2A-43B9-4C2F-B865-F1C53C5A18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44D0E14-926B-4FE6-B240-8B2D82A3974C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0A868E5-C1EE-413F-85AF-0C8445F46B3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44719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2196000"/>
            <a:ext cx="2574925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A774E7D-D92E-49A0-81B2-899ADC55E43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FC2CCB7C-EFED-18B2-9EA5-1DEFBF13E27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3" y="1381498"/>
            <a:ext cx="4786931" cy="2047502"/>
          </a:xfrm>
        </p:spPr>
        <p:txBody>
          <a:bodyPr/>
          <a:lstStyle>
            <a:lvl1pPr>
              <a:defRPr b="0" kern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Click to add text. Highlight selected words in bold.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11799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to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1F5A8A-361F-4F93-9578-5A477838939A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17C894B-204F-43D4-AD56-587747234AC8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92EC3FC-056D-482A-B795-51B28CF913E8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809625"/>
            <a:ext cx="1622323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809625"/>
            <a:ext cx="3519917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>
            <a:lvl1pPr>
              <a:defRPr kern="0" baseline="0"/>
            </a:lvl1pPr>
          </a:lstStyle>
          <a:p>
            <a:pPr lvl="0"/>
            <a:r>
              <a:rPr lang="nb-NO" noProof="0" dirty="0"/>
              <a:t>Click to add text</a:t>
            </a:r>
            <a:br>
              <a:rPr lang="sv-SE" noProof="0" dirty="0"/>
            </a:br>
            <a:r>
              <a:rPr lang="nb-NO" noProof="0" dirty="0"/>
              <a:t>Enter &amp; TAB to show next style level</a:t>
            </a:r>
            <a:br>
              <a:rPr lang="sv-SE" noProof="0" dirty="0"/>
            </a:br>
            <a:r>
              <a:rPr lang="nb-NO" noProof="0" dirty="0"/>
              <a:t>Shift &amp; TAB to show previous style level</a:t>
            </a:r>
            <a:endParaRPr lang="nb-NO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F3D03691-6E83-4AB4-A728-44FFD3E8FB95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DDEB5DE2-C2D3-952B-1865-4E2328AF9A5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6B7FB218-CE31-28C5-15F5-106CD82ED6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99815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to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0F205D-3DFE-461B-AECC-6BD8FB102F20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0"/>
            <a:ext cx="2571648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0757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Click to add text</a:t>
            </a:r>
            <a:br>
              <a:rPr lang="sv-SE" noProof="0" dirty="0"/>
            </a:br>
            <a:r>
              <a:rPr lang="nb-NO" noProof="0" dirty="0"/>
              <a:t>Enter &amp; TAB to show next style level</a:t>
            </a:r>
            <a:br>
              <a:rPr lang="sv-SE" noProof="0" dirty="0"/>
            </a:br>
            <a:r>
              <a:rPr lang="nb-NO" noProof="0" dirty="0"/>
              <a:t>Shift &amp; TAB to show previous style level</a:t>
            </a:r>
            <a:endParaRPr lang="nb-NO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07EB60DA-6BA4-4156-BD2E-22902119FC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354065" y="6328800"/>
            <a:ext cx="1755261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0" spc="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cka för att lägga till bildtext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1" name="Footer" title="Footer">
            <a:extLst>
              <a:ext uri="{FF2B5EF4-FFF2-40B4-BE49-F238E27FC236}">
                <a16:creationId xmlns:a16="http://schemas.microsoft.com/office/drawing/2014/main" id="{E22ED7D3-2261-4D1B-842E-C838FBA63B3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ADD2683E-BFF8-F957-C9DD-E5E077A462B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7" name="Subtitle 2">
            <a:extLst>
              <a:ext uri="{FF2B5EF4-FFF2-40B4-BE49-F238E27FC236}">
                <a16:creationId xmlns:a16="http://schemas.microsoft.com/office/drawing/2014/main" id="{2364768B-9BBE-37BA-C7BE-2E350E9E95D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059701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og bild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2B02CBB-BF21-4405-A087-9589FACABDD8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6915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6369050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78675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CEB25E4-C5DE-4AC8-B1BD-ECF1AE85413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nb-NO" noProof="0" dirty="0"/>
              <a:t>Click to add text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567340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+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75A0AB07-EEB6-4F17-9371-884A24383D97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1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3845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0865ED55-9F80-4D09-9F18-69E8FE332B43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2309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 kern="0" baseline="0"/>
            </a:lvl1pPr>
          </a:lstStyle>
          <a:p>
            <a:r>
              <a:rPr lang="nb-NO" dirty="0"/>
              <a:t>Click on placeholder and insert an image through Fotoware icon in the Templafy pane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9EBA490-A8D7-48E5-B924-D5BF3542A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437077" y="809625"/>
            <a:ext cx="2213585" cy="5229225"/>
          </a:xfrm>
        </p:spPr>
        <p:txBody>
          <a:bodyPr/>
          <a:lstStyle>
            <a:lvl1pPr>
              <a:defRPr b="0" kern="0" spc="0" baseline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Click to add heading</a:t>
            </a:r>
            <a:endParaRPr lang="nb-NO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DC117C6B-FC77-D13B-4339-DF73145B38B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01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0" spc="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cka för att lägga till bildtex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883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FDB2A0D-F0B2-7F41-0F20-BA4521D0B76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DEA16C9F-D526-5222-F789-8A29C684486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104333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hidden="1" title="GeneralDate">
            <a:extLst>
              <a:ext uri="{FF2B5EF4-FFF2-40B4-BE49-F238E27FC236}">
                <a16:creationId xmlns:a16="http://schemas.microsoft.com/office/drawing/2014/main" id="{EF768A67-0F4D-496E-BB21-55960FD15930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49E5006B-6E2C-0728-404F-92EF02CB5B52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4"/>
            <a:ext cx="9333338" cy="1650406"/>
          </a:xfrm>
        </p:spPr>
        <p:txBody>
          <a:bodyPr/>
          <a:lstStyle>
            <a:lvl1pPr>
              <a:defRPr sz="10000" kern="0" spc="0" baseline="0">
                <a:solidFill>
                  <a:srgbClr val="F61B33"/>
                </a:solidFill>
              </a:defRPr>
            </a:lvl1pPr>
          </a:lstStyle>
          <a:p>
            <a:r>
              <a:rPr lang="nb-NO" dirty="0"/>
              <a:t>Keyword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kern="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title="Footer">
            <a:extLst>
              <a:ext uri="{FF2B5EF4-FFF2-40B4-BE49-F238E27FC236}">
                <a16:creationId xmlns:a16="http://schemas.microsoft.com/office/drawing/2014/main" id="{9251653C-DECE-4868-B89E-68DAC3C990D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504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hidden="1" title="GeneralDate">
            <a:extLst>
              <a:ext uri="{FF2B5EF4-FFF2-40B4-BE49-F238E27FC236}">
                <a16:creationId xmlns:a16="http://schemas.microsoft.com/office/drawing/2014/main" id="{DA5C4A5B-77D4-4F8B-8980-2A85FCC96463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EAD4FD39-FF53-5F46-474D-E3EBA5F00FAB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4"/>
            <a:ext cx="9333338" cy="1650406"/>
          </a:xfrm>
        </p:spPr>
        <p:txBody>
          <a:bodyPr/>
          <a:lstStyle>
            <a:lvl1pPr>
              <a:defRPr sz="10000" kern="0" spc="0" baseline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Keyword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4C1B2B-DAB7-4E82-8EAB-C7E371FA23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title="Footer">
            <a:extLst>
              <a:ext uri="{FF2B5EF4-FFF2-40B4-BE49-F238E27FC236}">
                <a16:creationId xmlns:a16="http://schemas.microsoft.com/office/drawing/2014/main" id="{FC51217B-46F4-4F3B-9D98-DCB42DC2CF0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387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A31CBCC7-3681-33BB-40FE-763F93DD670D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325203"/>
          </a:xfrm>
        </p:spPr>
        <p:txBody>
          <a:bodyPr/>
          <a:lstStyle>
            <a:lvl1pPr>
              <a:defRPr sz="16600" kern="0" spc="0" baseline="0">
                <a:solidFill>
                  <a:srgbClr val="F61B33"/>
                </a:solidFill>
              </a:defRPr>
            </a:lvl1pPr>
          </a:lstStyle>
          <a:p>
            <a:r>
              <a:rPr lang="nb-NO" dirty="0"/>
              <a:t>Number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kern="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Tex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2564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0EF46033-F64D-3A44-3427-E48A0F3161A9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325203"/>
          </a:xfrm>
        </p:spPr>
        <p:txBody>
          <a:bodyPr/>
          <a:lstStyle>
            <a:lvl1pPr>
              <a:defRPr sz="16600" kern="0" spc="0" baseline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Number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Tex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5928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6.06.23</a:t>
            </a:fld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1BA88F2E-859D-591E-B118-25EAD920F98B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6892320" y="0"/>
            <a:ext cx="5300880" cy="6858000"/>
          </a:xfrm>
          <a:custGeom>
            <a:avLst/>
            <a:gdLst>
              <a:gd name="connsiteX0" fmla="*/ 0 w 5300880"/>
              <a:gd name="connsiteY0" fmla="*/ 0 h 6858000"/>
              <a:gd name="connsiteX1" fmla="*/ 5300880 w 5300880"/>
              <a:gd name="connsiteY1" fmla="*/ 0 h 6858000"/>
              <a:gd name="connsiteX2" fmla="*/ 5300880 w 5300880"/>
              <a:gd name="connsiteY2" fmla="*/ 6858000 h 6858000"/>
              <a:gd name="connsiteX3" fmla="*/ 2228299 w 530088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300880" h="6858000">
                <a:moveTo>
                  <a:pt x="0" y="0"/>
                </a:moveTo>
                <a:lnTo>
                  <a:pt x="5300880" y="0"/>
                </a:lnTo>
                <a:lnTo>
                  <a:pt x="5300880" y="6858000"/>
                </a:lnTo>
                <a:lnTo>
                  <a:pt x="2228299" y="6858000"/>
                </a:lnTo>
                <a:close/>
              </a:path>
            </a:pathLst>
          </a:custGeom>
          <a:solidFill>
            <a:srgbClr val="4B1A2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6CDF1247-C4EA-3286-F24B-055327D530D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9216125" cy="1065600"/>
          </a:xfrm>
        </p:spPr>
        <p:txBody>
          <a:bodyPr/>
          <a:lstStyle>
            <a:lvl1pPr>
              <a:lnSpc>
                <a:spcPct val="83000"/>
              </a:lnSpc>
              <a:defRPr sz="5400" kern="0" spc="0" baseline="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1486800" y="2469600"/>
            <a:ext cx="9216125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400">
                <a:solidFill>
                  <a:schemeClr val="tx2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nb-NO" noProof="0" dirty="0"/>
              <a:t>Click to add text</a:t>
            </a:r>
            <a:br>
              <a:rPr lang="sv-SE" noProof="0" dirty="0"/>
            </a:br>
            <a:r>
              <a:rPr lang="nb-NO" noProof="0" dirty="0"/>
              <a:t>Enter &amp; TAB to show next style level</a:t>
            </a:r>
            <a:br>
              <a:rPr lang="sv-SE" noProof="0" dirty="0"/>
            </a:br>
            <a:r>
              <a:rPr lang="nb-NO" noProof="0" dirty="0"/>
              <a:t>Shift &amp; TAB to show previous style level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32835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B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00C65AFA-C291-49BE-B4DE-A89C9D195F10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6F53546A-0F15-A20B-DF99-02DD082A52B4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5393608" y="3372772"/>
            <a:ext cx="1422472" cy="2482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kerhåndbo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Box 2">
            <a:extLst>
              <a:ext uri="{FF2B5EF4-FFF2-40B4-BE49-F238E27FC236}">
                <a16:creationId xmlns:a16="http://schemas.microsoft.com/office/drawing/2014/main" id="{AA8FF1AB-80C2-4920-AC93-402D8FFA23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0" y="3516216"/>
            <a:ext cx="2496843" cy="18466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hange Slide Layout</a:t>
            </a:r>
            <a:endParaRPr lang="nb-NO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nb-NO" sz="900" b="1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1. </a:t>
            </a:r>
            <a:r>
              <a:rPr lang="nb-NO" sz="900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arrow next to </a:t>
            </a:r>
            <a:r>
              <a:rPr lang="nb-NO" sz="900" b="1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Layout </a:t>
            </a:r>
            <a:r>
              <a:rPr lang="nb-NO" sz="900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to view </a:t>
            </a:r>
            <a:br>
              <a:rPr lang="sv-SE" sz="900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nb-NO" sz="900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 dropdown menu of possible slide layouts</a:t>
            </a:r>
            <a:endParaRPr lang="nb-NO" sz="900" noProof="1">
              <a:latin typeface="Veidekke Favorit Offc" panose="020B0504030202060203" pitchFamily="34" charset="0"/>
              <a:ea typeface="Veidekke Favorit Offc" panose="020B0504030202060203" pitchFamily="34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r>
              <a:rPr lang="nb-NO" sz="900" b="1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2. </a:t>
            </a:r>
            <a:r>
              <a:rPr lang="nb-NO" sz="900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layout you prefer and it will be </a:t>
            </a:r>
            <a:br>
              <a:rPr lang="sv-SE" sz="900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nb-NO" sz="900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pplied to the new slide</a:t>
            </a:r>
            <a:endParaRPr lang="nb-NO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slide</a:t>
            </a:r>
            <a:endParaRPr lang="nb-NO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nb-NO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nb-NO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</a:t>
            </a:r>
            <a:r>
              <a:rPr lang="nb-NO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</a:t>
            </a:r>
            <a:r>
              <a:rPr lang="nb-NO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menu to reset position, size</a:t>
            </a: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formatting of the slide placeholdersto their default settings</a:t>
            </a:r>
            <a:endParaRPr lang="nb-NO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662000" y="1207892"/>
            <a:ext cx="2711598" cy="32544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. Insert corporate picture</a:t>
            </a:r>
            <a:endParaRPr lang="nb-NO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nb-NO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blue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emplafy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 the dropdown, click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or click </a:t>
            </a:r>
            <a:br>
              <a:rPr lang="sv-SE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nb-NO" sz="900" b="0" i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in the right Templafy pane</a:t>
            </a:r>
            <a:endParaRPr lang="nb-NO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B. Browse for other pictur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. Insert copied picture</a:t>
            </a:r>
            <a:endParaRPr lang="nb-NO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paste</a:t>
            </a:r>
            <a:r>
              <a:rPr lang="nb-NO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endParaRPr lang="nb-NO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900" b="1" kern="1200" noProof="1">
                <a:solidFill>
                  <a:schemeClr val="tx1"/>
                </a:solidFill>
                <a:latin typeface="Veidekke Favorit Offc" panose="020B0504030202060203" pitchFamily="34" charset="0"/>
                <a:ea typeface="+mn-ea"/>
                <a:cs typeface="Veidekke Favorit Offc" panose="020B0504030202060203" pitchFamily="34" charset="0"/>
              </a:rPr>
              <a:t>Color</a:t>
            </a:r>
            <a:br>
              <a:rPr lang="sv-SE" sz="1198" noProof="1">
                <a:solidFill>
                  <a:schemeClr val="tx1"/>
                </a:solidFill>
                <a:latin typeface="+mn-lt"/>
                <a:cs typeface="Veidekke Favorit Offc" panose="020B0504030202060203" pitchFamily="34" charset="0"/>
              </a:rPr>
            </a:br>
            <a:r>
              <a:rPr lang="nb-NO" sz="898" b="0" kern="1200" noProof="1">
                <a:solidFill>
                  <a:schemeClr val="tx1"/>
                </a:solidFill>
                <a:latin typeface="+mn-lt"/>
                <a:ea typeface="+mn-ea"/>
                <a:cs typeface="Veidekke Favorit Offc" panose="020B0504030202060203" pitchFamily="34" charset="0"/>
              </a:rPr>
              <a:t>Use only the top colors in the color theme or Custom Colors.</a:t>
            </a:r>
            <a:endParaRPr lang="nb-NO" sz="673" b="1" noProof="1">
              <a:solidFill>
                <a:schemeClr val="tx1"/>
              </a:solidFill>
              <a:latin typeface="+mn-lt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nb-NO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539750" y="425348"/>
            <a:ext cx="1110932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kumimoji="0" lang="nb-NO" sz="3200" b="0" i="0" u="none" strike="noStrike" kern="1200" cap="none" spc="0" normalizeH="0" baseline="0" noProof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idekke Favorit Offc" panose="020B0504030202060203" pitchFamily="34" charset="0"/>
                <a:ea typeface="+mj-ea"/>
                <a:cs typeface="Veidekke Favorit Offc" panose="020B0504030202060203" pitchFamily="34" charset="0"/>
              </a:rPr>
              <a:t>User guide – delete before use</a:t>
            </a:r>
            <a:endParaRPr lang="nb-NO" sz="1800" noProof="1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0" y="1207892"/>
            <a:ext cx="3092798" cy="10618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ext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styles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jump through levels.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ENTER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the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switch from one level to the next level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go back in levels us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lternatively, </a:t>
            </a: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crease</a:t>
            </a: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Decrease </a:t>
            </a: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list level </a:t>
            </a:r>
            <a:br>
              <a:rPr lang="sv-SE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an be used</a:t>
            </a:r>
            <a:endParaRPr lang="nb-NO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956800" y="1207892"/>
            <a:ext cx="2412000" cy="38831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 picture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On slides with picture placeholder or any other placeholder, click on the placeholder.</a:t>
            </a:r>
            <a:b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hold down the Shift button and click on the placeholder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hang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rop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change size or </a:t>
            </a:r>
            <a:b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cu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want to scale the picture, hold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 down while dragging the corner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delete the picture and insert a new one, the picture may lie in front of the text or graphic.</a:t>
            </a:r>
            <a:b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this happens, select the picture, right-click and choos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end to Back</a:t>
            </a:r>
            <a:endParaRPr lang="nb-NO"/>
          </a:p>
          <a:p>
            <a:pPr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view drawing gu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View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ab, set tick mark next to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Alt + F9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r quick viewing of guides</a:t>
            </a:r>
            <a:endParaRPr lang="nb-NO" altLang="da-DK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4940" y="1927440"/>
            <a:ext cx="549328" cy="285228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373598" y="2057355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/>
            <a:srcRect l="1304" t="11451" r="30180" b="46035"/>
            <a:stretch/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376339" y="2874955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5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417748" y="1029883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1293191" y="2376591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11293191" y="3293507"/>
            <a:ext cx="359695" cy="335309"/>
          </a:xfrm>
          <a:prstGeom prst="rect">
            <a:avLst/>
          </a:prstGeom>
        </p:spPr>
      </p:pic>
      <p:sp>
        <p:nvSpPr>
          <p:cNvPr id="27" name="Text Box 2">
            <a:extLst>
              <a:ext uri="{FF2B5EF4-FFF2-40B4-BE49-F238E27FC236}">
                <a16:creationId xmlns:a16="http://schemas.microsoft.com/office/drawing/2014/main" id="{C4EDC3B1-3B31-4E00-92B6-1CD6392EC07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7446" y="2598090"/>
            <a:ext cx="2677494" cy="569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 a New Slide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nb-NO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New Slide </a:t>
            </a:r>
            <a:r>
              <a:rPr lang="nb-NO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insert new slide</a:t>
            </a:r>
            <a:endParaRPr lang="nb-NO"/>
          </a:p>
        </p:txBody>
      </p:sp>
      <p:pic>
        <p:nvPicPr>
          <p:cNvPr id="38" name="2 New picture">
            <a:extLst>
              <a:ext uri="{FF2B5EF4-FFF2-40B4-BE49-F238E27FC236}">
                <a16:creationId xmlns:a16="http://schemas.microsoft.com/office/drawing/2014/main" id="{A38BA332-960D-4B31-B9A4-D96B481A7D6E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256543" y="2614627"/>
            <a:ext cx="324764" cy="578237"/>
          </a:xfrm>
          <a:prstGeom prst="rect">
            <a:avLst/>
          </a:prstGeom>
        </p:spPr>
      </p:pic>
      <p:pic>
        <p:nvPicPr>
          <p:cNvPr id="41" name="3 Layout">
            <a:extLst>
              <a:ext uri="{FF2B5EF4-FFF2-40B4-BE49-F238E27FC236}">
                <a16:creationId xmlns:a16="http://schemas.microsoft.com/office/drawing/2014/main" id="{1B5AB7CA-5789-40BF-B54E-5217682BC2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/>
          <a:srcRect l="36944" r="2272" b="69429"/>
          <a:stretch/>
        </p:blipFill>
        <p:spPr>
          <a:xfrm>
            <a:off x="3235610" y="3718756"/>
            <a:ext cx="593368" cy="192211"/>
          </a:xfrm>
          <a:prstGeom prst="rect">
            <a:avLst/>
          </a:prstGeom>
        </p:spPr>
      </p:pic>
      <p:pic>
        <p:nvPicPr>
          <p:cNvPr id="42" name="4 Reset">
            <a:extLst>
              <a:ext uri="{FF2B5EF4-FFF2-40B4-BE49-F238E27FC236}">
                <a16:creationId xmlns:a16="http://schemas.microsoft.com/office/drawing/2014/main" id="{87C62FC6-4342-45D1-941A-C3F820045D1B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256543" y="4892055"/>
            <a:ext cx="492452" cy="20041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4CC80A4E-3A5E-35FF-5817-0ADBCDE2FD60}"/>
              </a:ext>
            </a:extLst>
          </p:cNvPr>
          <p:cNvGrpSpPr/>
          <p:nvPr userDrawn="1"/>
        </p:nvGrpSpPr>
        <p:grpSpPr>
          <a:xfrm>
            <a:off x="4652038" y="4218062"/>
            <a:ext cx="893784" cy="1941665"/>
            <a:chOff x="4652038" y="4218062"/>
            <a:chExt cx="893784" cy="1941665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61AD108-4DBA-A4E0-B972-B599D5E236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/>
            <a:stretch>
              <a:fillRect/>
            </a:stretch>
          </p:blipFill>
          <p:spPr>
            <a:xfrm>
              <a:off x="4652038" y="4218062"/>
              <a:ext cx="893783" cy="1941665"/>
            </a:xfrm>
            <a:prstGeom prst="rect">
              <a:avLst/>
            </a:prstGeom>
          </p:spPr>
        </p:pic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EE8981F1-A09B-3003-B44B-390E6AA7418F}"/>
                </a:ext>
              </a:extLst>
            </p:cNvPr>
            <p:cNvSpPr/>
            <p:nvPr userDrawn="1"/>
          </p:nvSpPr>
          <p:spPr>
            <a:xfrm>
              <a:off x="4656494" y="4361026"/>
              <a:ext cx="889328" cy="123840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nb-NO" sz="1796" dirty="0" err="1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29DB372-82E8-1734-C7CB-AEB49BE1BE70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4663112" y="4524905"/>
              <a:ext cx="855964" cy="347236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D0681C3C-9122-9C6A-57CA-3A2EC3AF55B6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4668415" y="4523024"/>
              <a:ext cx="865331" cy="350998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FF8C5E7-B5D7-7DA8-7A6D-5A19412B76D0}"/>
                </a:ext>
              </a:extLst>
            </p:cNvPr>
            <p:cNvGrpSpPr/>
            <p:nvPr userDrawn="1"/>
          </p:nvGrpSpPr>
          <p:grpSpPr>
            <a:xfrm>
              <a:off x="4656495" y="5702390"/>
              <a:ext cx="877252" cy="131714"/>
              <a:chOff x="4656494" y="6079528"/>
              <a:chExt cx="1322539" cy="131714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8C9D39B5-A871-0192-68EC-485F8BE750F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4659398" y="6079528"/>
                <a:ext cx="1319634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307FDE6C-CA47-26DA-9C89-BB9C146ACEB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V="1">
                <a:off x="4656494" y="6079529"/>
                <a:ext cx="1322539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A1CEE31-855D-C70B-4360-3DCD20A832C9}"/>
                </a:ext>
              </a:extLst>
            </p:cNvPr>
            <p:cNvSpPr/>
            <p:nvPr userDrawn="1"/>
          </p:nvSpPr>
          <p:spPr>
            <a:xfrm>
              <a:off x="4962617" y="5068811"/>
              <a:ext cx="580976" cy="465894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nb-NO" sz="1796" dirty="0" err="1"/>
            </a:p>
          </p:txBody>
        </p:sp>
      </p:grpSp>
    </p:spTree>
    <p:extLst>
      <p:ext uri="{BB962C8B-B14F-4D97-AF65-F5344CB8AC3E}">
        <p14:creationId xmlns:p14="http://schemas.microsoft.com/office/powerpoint/2010/main" val="64241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4400" b="0" noProof="1">
                <a:solidFill>
                  <a:schemeClr val="tx1"/>
                </a:solidFill>
              </a:rPr>
              <a:t>If you see any </a:t>
            </a:r>
            <a:r>
              <a:rPr lang="nb-NO" sz="4400" b="1" i="1" noProof="1">
                <a:solidFill>
                  <a:schemeClr val="tx1"/>
                </a:solidFill>
              </a:rPr>
              <a:t>layouts after this </a:t>
            </a:r>
            <a:r>
              <a:rPr lang="nb-NO" sz="4400" b="0" i="0" noProof="1">
                <a:solidFill>
                  <a:schemeClr val="tx1"/>
                </a:solidFill>
              </a:rPr>
              <a:t>one</a:t>
            </a:r>
            <a:r>
              <a:rPr lang="nb-NO" sz="4400" b="1" i="1" noProof="1">
                <a:solidFill>
                  <a:schemeClr val="tx1"/>
                </a:solidFill>
              </a:rPr>
              <a:t>,</a:t>
            </a:r>
            <a:br>
              <a:rPr lang="sv-SE" sz="4400" b="0" i="0" noProof="1">
                <a:solidFill>
                  <a:schemeClr val="tx1"/>
                </a:solidFill>
              </a:rPr>
            </a:br>
            <a:r>
              <a:rPr lang="nb-NO" sz="4400" b="0" noProof="1">
                <a:solidFill>
                  <a:schemeClr val="tx1"/>
                </a:solidFill>
              </a:rPr>
              <a:t>do not use them. These layouts </a:t>
            </a:r>
            <a:r>
              <a:rPr lang="nb-NO" sz="4400" b="1" i="1" u="none" noProof="1">
                <a:solidFill>
                  <a:schemeClr val="tx1"/>
                </a:solidFill>
              </a:rPr>
              <a:t>are not </a:t>
            </a:r>
            <a:r>
              <a:rPr lang="nb-NO" sz="4400" b="0" noProof="1">
                <a:solidFill>
                  <a:schemeClr val="tx1"/>
                </a:solidFill>
              </a:rPr>
              <a:t>part of our corporate template.</a:t>
            </a:r>
            <a:br>
              <a:rPr lang="sv-SE" sz="2800" b="0" noProof="1">
                <a:solidFill>
                  <a:schemeClr val="tx1"/>
                </a:solidFill>
              </a:rPr>
            </a:br>
            <a:br>
              <a:rPr lang="sv-SE" sz="2800" b="0" noProof="1">
                <a:solidFill>
                  <a:schemeClr val="tx1"/>
                </a:solidFill>
              </a:rPr>
            </a:br>
            <a:endParaRPr lang="nb-NO" sz="2800" b="0" noProof="1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nb-NO" sz="13800" b="1" i="1" noProof="1">
                <a:solidFill>
                  <a:schemeClr val="tx1"/>
                </a:solidFill>
              </a:rPr>
              <a:t>Do not use </a:t>
            </a:r>
            <a:endParaRPr lang="nb-NO" sz="2400" b="1" i="1" noProof="1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1">
                <a:solidFill>
                  <a:schemeClr val="tx1"/>
                </a:solidFill>
              </a:rPr>
              <a:t>Due to PowerPoint’s standard Copy/Paste functionality extra undesirable layouts can appear.</a:t>
            </a:r>
            <a:endParaRPr lang="nb-NO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1">
                <a:solidFill>
                  <a:schemeClr val="tx1"/>
                </a:solidFill>
              </a:rPr>
              <a:t>Also notice: Layouts after this might contain potential confidential information.</a:t>
            </a:r>
            <a:br>
              <a:rPr lang="sv-SE" sz="1800" b="0" noProof="1">
                <a:solidFill>
                  <a:schemeClr val="tx1"/>
                </a:solidFill>
              </a:rPr>
            </a:br>
            <a:endParaRPr lang="nb-NO" sz="1800" b="0" noProof="1">
              <a:solidFill>
                <a:schemeClr val="tx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F52A3B9-C46E-47C2-A1FB-F5434525BDF4}" type="datetime4">
              <a:rPr lang="nb-NO" smtClean="0"/>
              <a:t>23. juni 2026</a:t>
            </a:fld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11734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 xmlns:a16="http://schemas.microsoft.com/office/drawing/2014/main" xmlns:p14="http://schemas.microsoft.com/office/powerpoint/2010/main" xmlns:p15="http://schemas.microsoft.com/office/powerpoint/2012/main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6.06.23</a:t>
            </a:fld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9818EE9A-5719-E699-67ED-720CC2A09BC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6892320" y="0"/>
            <a:ext cx="5300880" cy="6858000"/>
          </a:xfrm>
          <a:custGeom>
            <a:avLst/>
            <a:gdLst>
              <a:gd name="connsiteX0" fmla="*/ 0 w 5300880"/>
              <a:gd name="connsiteY0" fmla="*/ 0 h 6858000"/>
              <a:gd name="connsiteX1" fmla="*/ 5300880 w 5300880"/>
              <a:gd name="connsiteY1" fmla="*/ 0 h 6858000"/>
              <a:gd name="connsiteX2" fmla="*/ 5300880 w 5300880"/>
              <a:gd name="connsiteY2" fmla="*/ 6858000 h 6858000"/>
              <a:gd name="connsiteX3" fmla="*/ 2228299 w 530088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300880" h="6858000">
                <a:moveTo>
                  <a:pt x="0" y="0"/>
                </a:moveTo>
                <a:lnTo>
                  <a:pt x="5300880" y="0"/>
                </a:lnTo>
                <a:lnTo>
                  <a:pt x="5300880" y="6858000"/>
                </a:lnTo>
                <a:lnTo>
                  <a:pt x="2228299" y="6858000"/>
                </a:lnTo>
                <a:close/>
              </a:path>
            </a:pathLst>
          </a:custGeom>
          <a:solidFill>
            <a:srgbClr val="FFC9B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C276F775-18DF-8ECA-1A12-483B9E6B9C3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9216125" cy="1065600"/>
          </a:xfrm>
        </p:spPr>
        <p:txBody>
          <a:bodyPr/>
          <a:lstStyle>
            <a:lvl1pPr>
              <a:lnSpc>
                <a:spcPct val="83000"/>
              </a:lnSpc>
              <a:defRPr sz="5400" kern="0" spc="0" baseline="0"/>
            </a:lvl1pPr>
          </a:lstStyle>
          <a:p>
            <a:r>
              <a:rPr lang="nb-NO" dirty="0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1486800" y="2469600"/>
            <a:ext cx="9216125" cy="3569250"/>
          </a:xfrm>
        </p:spPr>
        <p:txBody>
          <a:bodyPr/>
          <a:lstStyle>
            <a:lvl1pPr marL="0" indent="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lang="en-GB" sz="1800" kern="0" baseline="0" smtClean="0">
                <a:effectLst/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400">
                <a:solidFill>
                  <a:schemeClr val="tx1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9pPr>
          </a:lstStyle>
          <a:p>
            <a:pPr rtl="0" eaLnBrk="1" latinLnBrk="0" hangingPunct="1"/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51647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svg="http://schemas.microsoft.com/office/drawing/2016/SVG/main" xmlns:a16="http://schemas.microsoft.com/office/drawing/2014/main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6.06.23</a:t>
            </a:fld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sp>
        <p:nvSpPr>
          <p:cNvPr id="7" name="Background">
            <a:extLst>
              <a:ext uri="{FF2B5EF4-FFF2-40B4-BE49-F238E27FC236}">
                <a16:creationId xmlns:a16="http://schemas.microsoft.com/office/drawing/2014/main" id="{F47598A4-373D-2DFD-A375-33A754862D52}"/>
              </a:ext>
            </a:extLst>
          </p:cNvPr>
          <p:cNvSpPr/>
          <p:nvPr userDrawn="1"/>
        </p:nvSpPr>
        <p:spPr bwMode="white">
          <a:xfrm>
            <a:off x="6892320" y="0"/>
            <a:ext cx="5300880" cy="6858000"/>
          </a:xfrm>
          <a:custGeom>
            <a:avLst/>
            <a:gdLst>
              <a:gd name="connsiteX0" fmla="*/ 0 w 5300880"/>
              <a:gd name="connsiteY0" fmla="*/ 0 h 6858000"/>
              <a:gd name="connsiteX1" fmla="*/ 5300880 w 5300880"/>
              <a:gd name="connsiteY1" fmla="*/ 0 h 6858000"/>
              <a:gd name="connsiteX2" fmla="*/ 5300880 w 5300880"/>
              <a:gd name="connsiteY2" fmla="*/ 6858000 h 6858000"/>
              <a:gd name="connsiteX3" fmla="*/ 2228299 w 530088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300880" h="6858000">
                <a:moveTo>
                  <a:pt x="0" y="0"/>
                </a:moveTo>
                <a:lnTo>
                  <a:pt x="5300880" y="0"/>
                </a:lnTo>
                <a:lnTo>
                  <a:pt x="5300880" y="6858000"/>
                </a:lnTo>
                <a:lnTo>
                  <a:pt x="2228299" y="6858000"/>
                </a:lnTo>
                <a:close/>
              </a:path>
            </a:pathLst>
          </a:custGeom>
          <a:solidFill>
            <a:srgbClr val="4B1A2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0E4AD78C-C315-5CA1-E49A-BD33DC8D730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5" name="Title 1">
            <a:extLst>
              <a:ext uri="{FF2B5EF4-FFF2-40B4-BE49-F238E27FC236}">
                <a16:creationId xmlns:a16="http://schemas.microsoft.com/office/drawing/2014/main" id="{51AB5E69-144C-2C23-A7AD-39F4D335EE8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714178"/>
            <a:ext cx="8046263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5400" b="0" kern="0" spc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nb-NO" dirty="0"/>
              <a:t>Click to add text</a:t>
            </a:r>
            <a:endParaRPr lang="nb-NO"/>
          </a:p>
        </p:txBody>
      </p:sp>
      <p:sp>
        <p:nvSpPr>
          <p:cNvPr id="6" name="Text Placeholder 10">
            <a:extLst>
              <a:ext uri="{FF2B5EF4-FFF2-40B4-BE49-F238E27FC236}">
                <a16:creationId xmlns:a16="http://schemas.microsoft.com/office/drawing/2014/main" id="{1A613BCE-ED3E-0CE0-43CA-25122E258DA8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59600" y="1767405"/>
            <a:ext cx="1344564" cy="830997"/>
          </a:xfrm>
        </p:spPr>
        <p:txBody>
          <a:bodyPr wrap="square">
            <a:sp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5400" b="1" kern="0" spc="0" baseline="0">
                <a:solidFill>
                  <a:schemeClr val="tx1"/>
                </a:solidFill>
                <a:latin typeface="+mn-lt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5400" b="1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390981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6.06.23</a:t>
            </a:fld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sp>
        <p:nvSpPr>
          <p:cNvPr id="5" name="Background">
            <a:extLst>
              <a:ext uri="{FF2B5EF4-FFF2-40B4-BE49-F238E27FC236}">
                <a16:creationId xmlns:a16="http://schemas.microsoft.com/office/drawing/2014/main" id="{2A36A2E0-0C0C-DEAE-1E00-CA0943418259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6892320" y="0"/>
            <a:ext cx="5300880" cy="6858000"/>
          </a:xfrm>
          <a:custGeom>
            <a:avLst/>
            <a:gdLst>
              <a:gd name="connsiteX0" fmla="*/ 0 w 5300880"/>
              <a:gd name="connsiteY0" fmla="*/ 0 h 6858000"/>
              <a:gd name="connsiteX1" fmla="*/ 5300880 w 5300880"/>
              <a:gd name="connsiteY1" fmla="*/ 0 h 6858000"/>
              <a:gd name="connsiteX2" fmla="*/ 5300880 w 5300880"/>
              <a:gd name="connsiteY2" fmla="*/ 6858000 h 6858000"/>
              <a:gd name="connsiteX3" fmla="*/ 2228299 w 530088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300880" h="6858000">
                <a:moveTo>
                  <a:pt x="0" y="0"/>
                </a:moveTo>
                <a:lnTo>
                  <a:pt x="5300880" y="0"/>
                </a:lnTo>
                <a:lnTo>
                  <a:pt x="5300880" y="6858000"/>
                </a:lnTo>
                <a:lnTo>
                  <a:pt x="2228299" y="6858000"/>
                </a:lnTo>
                <a:close/>
              </a:path>
            </a:pathLst>
          </a:custGeom>
          <a:solidFill>
            <a:srgbClr val="FFC9B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A2D4C483-8D1D-CE35-2803-48481B4BCB4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6" name="Title 1">
            <a:extLst>
              <a:ext uri="{FF2B5EF4-FFF2-40B4-BE49-F238E27FC236}">
                <a16:creationId xmlns:a16="http://schemas.microsoft.com/office/drawing/2014/main" id="{2BCA88D2-622B-6FBE-C22E-63F329425F7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714178"/>
            <a:ext cx="8046263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5400" b="0" kern="0" spc="0" baseline="0">
                <a:solidFill>
                  <a:schemeClr val="accent2"/>
                </a:solidFill>
                <a:latin typeface="+mn-lt"/>
              </a:defRPr>
            </a:lvl1pPr>
          </a:lstStyle>
          <a:p>
            <a:r>
              <a:rPr lang="nb-NO" dirty="0"/>
              <a:t>Click to add text</a:t>
            </a:r>
            <a:endParaRPr lang="nb-NO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AF807617-CE40-F5A0-A652-B2E33BE12F0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59600" y="1767405"/>
            <a:ext cx="1344564" cy="830997"/>
          </a:xfrm>
        </p:spPr>
        <p:txBody>
          <a:bodyPr wrap="square">
            <a:sp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5400" b="1" kern="0" spc="0" baseline="0">
                <a:solidFill>
                  <a:schemeClr val="accent2"/>
                </a:solidFill>
                <a:latin typeface="+mn-lt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5400" b="1">
                <a:solidFill>
                  <a:schemeClr val="accent2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3pPr>
            <a:lvl4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4pPr>
            <a:lvl5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6pPr>
            <a:lvl7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7pPr>
            <a:lvl8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8pPr>
            <a:lvl9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826662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38E193A-10C2-4482-B28B-D399F03C510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61DE43AA-2E28-4A0E-BA9D-ECF639511D6D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79D108-EC24-E1E5-C0C4-FE466CFE0A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1113200" cy="4107600"/>
          </a:xfrm>
        </p:spPr>
        <p:txBody>
          <a:bodyPr/>
          <a:lstStyle>
            <a:lvl1pPr>
              <a:defRPr/>
            </a:lvl1pPr>
          </a:lstStyle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8D01167-EC9B-4DA1-9501-6B598D187D7B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E7367A1-121C-48C2-AE43-DEB6BDA9FA74}" type="datetime3">
              <a:rPr lang="nb-NO" smtClean="0"/>
              <a:t>2026.06.23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2FD52F3-3D07-4405-A309-88A2C922143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172EE2D3-28D5-1896-2CF7-DFFBA66B968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>
            <a:lvl1pPr>
              <a:defRPr kern="0" spc="0" baseline="0"/>
            </a:lvl1pPr>
          </a:lstStyle>
          <a:p>
            <a:r>
              <a:rPr lang="nb-NO" dirty="0"/>
              <a:t>Heading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1C28029-C0FE-2E6C-958E-BD8C7B352849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 kern="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Subheading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000" cy="4107600"/>
          </a:xfrm>
        </p:spPr>
        <p:txBody>
          <a:bodyPr/>
          <a:lstStyle/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5281613" y="1933200"/>
            <a:ext cx="6370386" cy="4107600"/>
          </a:xfrm>
        </p:spPr>
        <p:txBody>
          <a:bodyPr/>
          <a:lstStyle/>
          <a:p>
            <a:pPr marL="219456" indent="-219456" algn="l" rtl="0" eaLnBrk="1" latinLnBrk="0" hangingPunct="1">
              <a:spcAft>
                <a:spcPts val="600"/>
              </a:spcAft>
              <a:buClrTx/>
              <a:buSzPts val="1800"/>
              <a:buFont typeface="Veidekke Favorit Offc" panose="020B0604020202020204" charset="0"/>
              <a:buChar char="•"/>
            </a:pP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Click to add text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Enter &amp; TAB to show next style level</a:t>
            </a:r>
            <a:br>
              <a:rPr lang="en-GB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</a:br>
            <a:r>
              <a:rPr lang="nb-NO" sz="1800" kern="1200" dirty="0">
                <a:solidFill>
                  <a:srgbClr val="000000"/>
                </a:solidFill>
                <a:effectLst/>
                <a:latin typeface="Veidekke Favorit Offc" panose="020B0604020202020204" charset="0"/>
                <a:ea typeface="+mn-ea"/>
                <a:cs typeface="+mn-cs"/>
              </a:rPr>
              <a:t>Shift &amp; TAB to show previous style level</a:t>
            </a:r>
            <a:endParaRPr lang="nb-NO" sz="1800" dirty="0">
              <a:effectLst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D8C7AD-77F6-49A8-8B9B-5866599705B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27721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image" Target="../media/image1.sv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heme" Target="../theme/theme1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fld id="{6261E5BE-5806-451A-BC2F-22189CD3E430}" type="datetime3">
              <a:rPr lang="nb-NO" smtClean="0"/>
              <a:pPr/>
              <a:t>2026.06.23</a:t>
            </a:fld>
            <a:endParaRPr lang="nb-NO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endParaRPr lang="nb-NO" dirty="0"/>
          </a:p>
        </p:txBody>
      </p:sp>
      <p:sp>
        <p:nvSpPr>
          <p:cNvPr id="8" name="Title Placeholder 7">
            <a:extLst>
              <a:ext uri="{FF2B5EF4-FFF2-40B4-BE49-F238E27FC236}">
                <a16:creationId xmlns:a16="http://schemas.microsoft.com/office/drawing/2014/main" id="{929BDF0D-EABA-4F66-B534-62E4BDC607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 dirty="0"/>
              <a:t>Click to </a:t>
            </a:r>
            <a:r>
              <a:rPr lang="nb-NO" dirty="0" err="1"/>
              <a:t>edit</a:t>
            </a:r>
            <a:r>
              <a:rPr lang="nb-NO" dirty="0"/>
              <a:t> Master </a:t>
            </a:r>
            <a:r>
              <a:rPr lang="nb-NO" dirty="0" err="1"/>
              <a:t>title</a:t>
            </a:r>
            <a:r>
              <a:rPr lang="nb-NO" dirty="0"/>
              <a:t> style</a:t>
            </a:r>
            <a:endParaRPr lang="nb-N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933200"/>
            <a:ext cx="11113200" cy="410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b-NO" noProof="0" dirty="0"/>
              <a:t>Click to </a:t>
            </a:r>
            <a:r>
              <a:rPr lang="nb-NO" noProof="0" dirty="0" err="1"/>
              <a:t>add</a:t>
            </a:r>
            <a:r>
              <a:rPr lang="nb-NO" noProof="0" dirty="0"/>
              <a:t> text                                                                                                                                                                    </a:t>
            </a:r>
            <a:r>
              <a:rPr lang="nb-NO" noProof="0" dirty="0" err="1"/>
              <a:t>Enter</a:t>
            </a:r>
            <a:r>
              <a:rPr lang="nb-NO" noProof="0" dirty="0"/>
              <a:t> &amp; TAB to </a:t>
            </a:r>
            <a:r>
              <a:rPr lang="nb-NO" noProof="0" dirty="0" err="1"/>
              <a:t>view</a:t>
            </a:r>
            <a:r>
              <a:rPr lang="nb-NO" noProof="0" dirty="0"/>
              <a:t> </a:t>
            </a:r>
            <a:r>
              <a:rPr lang="nb-NO" noProof="0" dirty="0" err="1"/>
              <a:t>next</a:t>
            </a:r>
            <a:r>
              <a:rPr lang="nb-NO" noProof="0" dirty="0"/>
              <a:t> text style                                                                                                              SHIFT+TAB to </a:t>
            </a:r>
            <a:r>
              <a:rPr lang="nb-NO" noProof="0" dirty="0" err="1"/>
              <a:t>view</a:t>
            </a:r>
            <a:r>
              <a:rPr lang="nb-NO" noProof="0" dirty="0"/>
              <a:t> </a:t>
            </a:r>
            <a:r>
              <a:rPr lang="nb-NO" noProof="0" dirty="0" err="1"/>
              <a:t>previous</a:t>
            </a:r>
            <a:r>
              <a:rPr lang="nb-NO" noProof="0" dirty="0"/>
              <a:t> text style</a:t>
            </a:r>
            <a:endParaRPr lang="nb-NO" dirty="0"/>
          </a:p>
          <a:p>
            <a:pPr lvl="1"/>
            <a:r>
              <a:rPr lang="nb-NO" noProof="0" dirty="0"/>
              <a:t>Second </a:t>
            </a:r>
            <a:r>
              <a:rPr lang="nb-NO" noProof="0" dirty="0" err="1"/>
              <a:t>level</a:t>
            </a:r>
            <a:endParaRPr lang="nb-NO" dirty="0"/>
          </a:p>
          <a:p>
            <a:pPr lvl="2"/>
            <a:r>
              <a:rPr lang="nb-NO" noProof="0" dirty="0" err="1"/>
              <a:t>Third</a:t>
            </a:r>
            <a:r>
              <a:rPr lang="nb-NO" noProof="0" dirty="0"/>
              <a:t> </a:t>
            </a:r>
            <a:r>
              <a:rPr lang="nb-NO" noProof="0" dirty="0" err="1"/>
              <a:t>level</a:t>
            </a:r>
            <a:endParaRPr lang="nb-NO" dirty="0"/>
          </a:p>
          <a:p>
            <a:pPr lvl="3"/>
            <a:r>
              <a:rPr lang="nb-NO" noProof="0" dirty="0" err="1"/>
              <a:t>Fourth</a:t>
            </a:r>
            <a:r>
              <a:rPr lang="nb-NO" noProof="0" dirty="0"/>
              <a:t> </a:t>
            </a:r>
            <a:r>
              <a:rPr lang="nb-NO" noProof="0" dirty="0" err="1"/>
              <a:t>level</a:t>
            </a:r>
            <a:endParaRPr lang="nb-NO" dirty="0"/>
          </a:p>
          <a:p>
            <a:pPr lvl="4"/>
            <a:r>
              <a:rPr lang="nb-NO" noProof="0" dirty="0" err="1"/>
              <a:t>Fifth</a:t>
            </a:r>
            <a:r>
              <a:rPr lang="nb-NO" noProof="0" dirty="0"/>
              <a:t> </a:t>
            </a:r>
            <a:r>
              <a:rPr lang="nb-NO" noProof="0" dirty="0" err="1"/>
              <a:t>level</a:t>
            </a:r>
            <a:endParaRPr lang="nb-NO" dirty="0"/>
          </a:p>
          <a:p>
            <a:pPr lvl="5"/>
            <a:r>
              <a:rPr lang="nb-NO" noProof="0" dirty="0"/>
              <a:t>6 </a:t>
            </a:r>
            <a:r>
              <a:rPr lang="nb-NO" noProof="0" dirty="0" err="1"/>
              <a:t>level</a:t>
            </a:r>
            <a:endParaRPr lang="nb-NO" dirty="0"/>
          </a:p>
          <a:p>
            <a:pPr lvl="6"/>
            <a:r>
              <a:rPr lang="nb-NO" noProof="0" dirty="0"/>
              <a:t>7 </a:t>
            </a:r>
            <a:r>
              <a:rPr lang="nb-NO" noProof="0" dirty="0" err="1"/>
              <a:t>level</a:t>
            </a:r>
            <a:endParaRPr lang="nb-NO" dirty="0"/>
          </a:p>
          <a:p>
            <a:pPr lvl="7"/>
            <a:r>
              <a:rPr lang="nb-NO" noProof="0" dirty="0"/>
              <a:t>8 </a:t>
            </a:r>
            <a:r>
              <a:rPr lang="nb-NO" noProof="0" dirty="0" err="1"/>
              <a:t>level</a:t>
            </a:r>
            <a:endParaRPr lang="nb-NO" dirty="0"/>
          </a:p>
          <a:p>
            <a:pPr lvl="8"/>
            <a:r>
              <a:rPr lang="nb-NO" noProof="0" dirty="0"/>
              <a:t>9 </a:t>
            </a:r>
            <a:r>
              <a:rPr lang="nb-NO" noProof="0" dirty="0" err="1"/>
              <a:t>level</a:t>
            </a:r>
            <a:endParaRPr lang="nb-NO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307200"/>
            <a:ext cx="25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0" baseline="0">
                <a:solidFill>
                  <a:schemeClr val="tx2"/>
                </a:solidFill>
                <a:latin typeface="+mj-lt"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7" name="Footer dynamisk">
            <a:extLst>
              <a:ext uri="{FF2B5EF4-FFF2-40B4-BE49-F238E27FC236}">
                <a16:creationId xmlns:a16="http://schemas.microsoft.com/office/drawing/2014/main" id="{71B1904D-7DDB-4409-BC8D-BA70CAF190AF}"/>
              </a:ext>
            </a:extLst>
          </p:cNvPr>
          <p:cNvSpPr/>
          <p:nvPr userDrawn="1"/>
        </p:nvSpPr>
        <p:spPr>
          <a:xfrm>
            <a:off x="795600" y="6307200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4BAFD94F-63F0-3847-5BF6-F3394E6B5105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44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8" r:id="rId1"/>
    <p:sldLayoutId id="2147483814" r:id="rId2"/>
    <p:sldLayoutId id="2147483877" r:id="rId3"/>
    <p:sldLayoutId id="2147483879" r:id="rId4"/>
    <p:sldLayoutId id="2147483740" r:id="rId5"/>
    <p:sldLayoutId id="2147483777" r:id="rId6"/>
    <p:sldLayoutId id="2147483865" r:id="rId7"/>
    <p:sldLayoutId id="2147483692" r:id="rId8"/>
    <p:sldLayoutId id="2147483782" r:id="rId9"/>
    <p:sldLayoutId id="2147483787" r:id="rId10"/>
    <p:sldLayoutId id="2147483829" r:id="rId11"/>
    <p:sldLayoutId id="2147483859" r:id="rId12"/>
    <p:sldLayoutId id="2147483861" r:id="rId13"/>
    <p:sldLayoutId id="2147483826" r:id="rId14"/>
    <p:sldLayoutId id="2147483828" r:id="rId15"/>
    <p:sldLayoutId id="2147483831" r:id="rId16"/>
    <p:sldLayoutId id="2147483833" r:id="rId17"/>
    <p:sldLayoutId id="2147483851" r:id="rId18"/>
    <p:sldLayoutId id="2147483752" r:id="rId19"/>
    <p:sldLayoutId id="2147483786" r:id="rId20"/>
    <p:sldLayoutId id="2147483794" r:id="rId21"/>
    <p:sldLayoutId id="2147483796" r:id="rId22"/>
    <p:sldLayoutId id="2147483880" r:id="rId23"/>
    <p:sldLayoutId id="2147483836" r:id="rId24"/>
    <p:sldLayoutId id="2147483843" r:id="rId25"/>
    <p:sldLayoutId id="2147483840" r:id="rId26"/>
    <p:sldLayoutId id="2147483841" r:id="rId27"/>
    <p:sldLayoutId id="2147483855" r:id="rId28"/>
    <p:sldLayoutId id="2147483842" r:id="rId29"/>
    <p:sldLayoutId id="2147483839" r:id="rId30"/>
    <p:sldLayoutId id="2147483837" r:id="rId31"/>
    <p:sldLayoutId id="2147483844" r:id="rId32"/>
    <p:sldLayoutId id="2147483847" r:id="rId33"/>
    <p:sldLayoutId id="2147483848" r:id="rId34"/>
    <p:sldLayoutId id="2147483857" r:id="rId35"/>
    <p:sldLayoutId id="2147483853" r:id="rId36"/>
    <p:sldLayoutId id="2147483820" r:id="rId37"/>
    <p:sldLayoutId id="2147483854" r:id="rId38"/>
    <p:sldLayoutId id="2147483867" r:id="rId39"/>
    <p:sldLayoutId id="2147483797" r:id="rId40"/>
    <p:sldLayoutId id="2147483850" r:id="rId41"/>
    <p:sldLayoutId id="2147483869" r:id="rId42"/>
  </p:sldLayoutIdLst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 xmlns:asvg="http://schemas.microsoft.com/office/drawing/2016/SVG/main" xmlns:a16="http://schemas.microsoft.com/office/drawing/2014/main" xmlns:p14="http://schemas.microsoft.com/office/powerpoint/2010/main" xmlns:p15="http://schemas.microsoft.com/office/powerpoint/2012/main">
      <p:transition spd="slow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4000"/>
        </a:lnSpc>
        <a:spcBef>
          <a:spcPct val="0"/>
        </a:spcBef>
        <a:buNone/>
        <a:defRPr sz="3600" b="1" kern="1200" spc="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339" userDrawn="1">
          <p15:clr>
            <a:srgbClr val="F26B43"/>
          </p15:clr>
        </p15:guide>
        <p15:guide id="4" orient="horz" pos="3804" userDrawn="1">
          <p15:clr>
            <a:srgbClr val="F26B43"/>
          </p15:clr>
        </p15:guide>
        <p15:guide id="5" pos="767" userDrawn="1">
          <p15:clr>
            <a:srgbClr val="A4A3A4"/>
          </p15:clr>
        </p15:guide>
        <p15:guide id="6" pos="937" userDrawn="1">
          <p15:clr>
            <a:srgbClr val="A4A3A4"/>
          </p15:clr>
        </p15:guide>
        <p15:guide id="7" pos="1365" userDrawn="1">
          <p15:clr>
            <a:srgbClr val="A4A3A4"/>
          </p15:clr>
        </p15:guide>
        <p15:guide id="8" pos="1535" userDrawn="1">
          <p15:clr>
            <a:srgbClr val="A4A3A4"/>
          </p15:clr>
        </p15:guide>
        <p15:guide id="9" pos="1962" userDrawn="1">
          <p15:clr>
            <a:srgbClr val="A4A3A4"/>
          </p15:clr>
        </p15:guide>
        <p15:guide id="10" pos="2132" userDrawn="1">
          <p15:clr>
            <a:srgbClr val="A4A3A4"/>
          </p15:clr>
        </p15:guide>
        <p15:guide id="11" pos="2560" userDrawn="1">
          <p15:clr>
            <a:srgbClr val="A4A3A4"/>
          </p15:clr>
        </p15:guide>
        <p15:guide id="12" pos="2730" userDrawn="1">
          <p15:clr>
            <a:srgbClr val="A4A3A4"/>
          </p15:clr>
        </p15:guide>
        <p15:guide id="13" pos="3157" userDrawn="1">
          <p15:clr>
            <a:srgbClr val="A4A3A4"/>
          </p15:clr>
        </p15:guide>
        <p15:guide id="14" pos="3327" userDrawn="1">
          <p15:clr>
            <a:srgbClr val="A4A3A4"/>
          </p15:clr>
        </p15:guide>
        <p15:guide id="15" pos="3754" userDrawn="1">
          <p15:clr>
            <a:srgbClr val="A4A3A4"/>
          </p15:clr>
        </p15:guide>
        <p15:guide id="16" pos="3925" userDrawn="1">
          <p15:clr>
            <a:srgbClr val="A4A3A4"/>
          </p15:clr>
        </p15:guide>
        <p15:guide id="17" pos="4352" userDrawn="1">
          <p15:clr>
            <a:srgbClr val="A4A3A4"/>
          </p15:clr>
        </p15:guide>
        <p15:guide id="18" pos="4522" userDrawn="1">
          <p15:clr>
            <a:srgbClr val="A4A3A4"/>
          </p15:clr>
        </p15:guide>
        <p15:guide id="19" pos="4949" userDrawn="1">
          <p15:clr>
            <a:srgbClr val="A4A3A4"/>
          </p15:clr>
        </p15:guide>
        <p15:guide id="20" pos="5120" userDrawn="1">
          <p15:clr>
            <a:srgbClr val="A4A3A4"/>
          </p15:clr>
        </p15:guide>
        <p15:guide id="21" pos="5547" userDrawn="1">
          <p15:clr>
            <a:srgbClr val="A4A3A4"/>
          </p15:clr>
        </p15:guide>
        <p15:guide id="22" pos="5717" userDrawn="1">
          <p15:clr>
            <a:srgbClr val="A4A3A4"/>
          </p15:clr>
        </p15:guide>
        <p15:guide id="23" pos="6144" userDrawn="1">
          <p15:clr>
            <a:srgbClr val="A4A3A4"/>
          </p15:clr>
        </p15:guide>
        <p15:guide id="24" pos="6314" userDrawn="1">
          <p15:clr>
            <a:srgbClr val="A4A3A4"/>
          </p15:clr>
        </p15:guide>
        <p15:guide id="25" pos="6742" userDrawn="1">
          <p15:clr>
            <a:srgbClr val="A4A3A4"/>
          </p15:clr>
        </p15:guide>
        <p15:guide id="26" pos="6912" userDrawn="1">
          <p15:clr>
            <a:srgbClr val="A4A3A4"/>
          </p15:clr>
        </p15:guide>
        <p15:guide id="27" orient="horz" pos="1216" userDrawn="1">
          <p15:clr>
            <a:srgbClr val="F26B43"/>
          </p15:clr>
        </p15:guide>
        <p15:guide id="28" pos="340" userDrawn="1">
          <p15:clr>
            <a:srgbClr val="F26B43"/>
          </p15:clr>
        </p15:guide>
        <p15:guide id="29" orient="horz" pos="34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5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jpeg"/><Relationship Id="rId3" Type="http://schemas.openxmlformats.org/officeDocument/2006/relationships/tags" Target="../tags/tag1.xml"/><Relationship Id="rId7" Type="http://schemas.openxmlformats.org/officeDocument/2006/relationships/slideLayout" Target="../slideLayouts/slideLayout8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11.xml"/><Relationship Id="rId6" Type="http://schemas.openxmlformats.org/officeDocument/2006/relationships/tags" Target="../tags/tag4.xml"/><Relationship Id="rId5" Type="http://schemas.openxmlformats.org/officeDocument/2006/relationships/tags" Target="../tags/tag3.xml"/><Relationship Id="rId10" Type="http://schemas.openxmlformats.org/officeDocument/2006/relationships/image" Target="../media/image15.jpeg"/><Relationship Id="rId4" Type="http://schemas.openxmlformats.org/officeDocument/2006/relationships/tags" Target="../tags/tag2.xml"/><Relationship Id="rId9" Type="http://schemas.openxmlformats.org/officeDocument/2006/relationships/image" Target="../media/image14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8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8.xml"/><Relationship Id="rId6" Type="http://schemas.microsoft.com/office/2007/relationships/hdphoto" Target="../media/hdphoto2.wdp"/><Relationship Id="rId5" Type="http://schemas.openxmlformats.org/officeDocument/2006/relationships/image" Target="../media/image20.png"/><Relationship Id="rId4" Type="http://schemas.microsoft.com/office/2007/relationships/hdphoto" Target="../media/hdphoto1.wdp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8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2.xml"/><Relationship Id="rId4" Type="http://schemas.openxmlformats.org/officeDocument/2006/relationships/slideLayout" Target="../slideLayouts/slideLayout4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nummer 1">
            <a:extLst>
              <a:ext uri="{FF2B5EF4-FFF2-40B4-BE49-F238E27FC236}">
                <a16:creationId xmlns:a16="http://schemas.microsoft.com/office/drawing/2014/main" id="{D104767D-9847-D583-8473-2659BDEBA638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nb-NO" smtClean="0"/>
              <a:pPr/>
              <a:t>1</a:t>
            </a:fld>
            <a:endParaRPr lang="nb-NO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890EC810-C0ED-DB7E-2C97-217DC390EB0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E79E92A-B137-9834-C6B1-8CA7BBCB80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LENSCHOWS</a:t>
            </a:r>
            <a:br>
              <a:rPr lang="nb-NO" dirty="0"/>
            </a:br>
            <a:r>
              <a:rPr lang="nb-NO" dirty="0"/>
              <a:t>Tilvalg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0BA49A10-DE27-F396-3B2F-EF6637FE5F84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4F2596D-1178-6CFC-F7B2-6ED3A62F5B16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nb-NO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6707471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DFD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65417"/>
            <a:ext cx="11113200" cy="1065600"/>
          </a:xfrm>
        </p:spPr>
        <p:txBody>
          <a:bodyPr/>
          <a:lstStyle/>
          <a:p>
            <a:r>
              <a:rPr lang="nb-NO"/>
              <a:t>Dette er Veidekke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/>
          <a:lstStyle/>
          <a:p>
            <a:fld id="{24C8C45C-947F-4981-8B3F-4F32E973C901}" type="slidenum">
              <a:rPr lang="nb-NO" smtClean="0"/>
              <a:pPr/>
              <a:t>2</a:t>
            </a:fld>
            <a:endParaRPr lang="nb-NO" dirty="0"/>
          </a:p>
        </p:txBody>
      </p:sp>
      <p:grpSp>
        <p:nvGrpSpPr>
          <p:cNvPr id="13" name="Group 2">
            <a:extLst>
              <a:ext uri="{FF2B5EF4-FFF2-40B4-BE49-F238E27FC236}">
                <a16:creationId xmlns:a16="http://schemas.microsoft.com/office/drawing/2014/main" id="{F094B375-76FF-486B-9C76-8CEB7C6CC58F}"/>
              </a:ext>
            </a:extLst>
          </p:cNvPr>
          <p:cNvGrpSpPr/>
          <p:nvPr/>
        </p:nvGrpSpPr>
        <p:grpSpPr>
          <a:xfrm>
            <a:off x="5297157" y="858858"/>
            <a:ext cx="2568210" cy="1102660"/>
            <a:chOff x="546468" y="4126632"/>
            <a:chExt cx="2568210" cy="1102660"/>
          </a:xfrm>
        </p:grpSpPr>
        <p:sp>
          <p:nvSpPr>
            <p:cNvPr id="14" name="TextBox 199">
              <a:extLst>
                <a:ext uri="{FF2B5EF4-FFF2-40B4-BE49-F238E27FC236}">
                  <a16:creationId xmlns:a16="http://schemas.microsoft.com/office/drawing/2014/main" id="{F7308220-B3E5-4D93-AAA0-329B11579D22}"/>
                </a:ext>
              </a:extLst>
            </p:cNvPr>
            <p:cNvSpPr txBox="1"/>
            <p:nvPr/>
          </p:nvSpPr>
          <p:spPr>
            <a:xfrm>
              <a:off x="606181" y="4385418"/>
              <a:ext cx="2322087" cy="73866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nb-NO" sz="4800" b="1" dirty="0">
                  <a:solidFill>
                    <a:schemeClr val="accent1"/>
                  </a:solidFill>
                  <a:latin typeface="+mj-lt"/>
                  <a:ea typeface="+mj-ea"/>
                  <a:cs typeface="+mj-cs"/>
                </a:rPr>
                <a:t>7 760</a:t>
              </a:r>
              <a:endParaRPr lang="nb-NO" sz="1400" dirty="0"/>
            </a:p>
          </p:txBody>
        </p:sp>
        <p:sp>
          <p:nvSpPr>
            <p:cNvPr id="15" name="TextBox 201">
              <a:extLst>
                <a:ext uri="{FF2B5EF4-FFF2-40B4-BE49-F238E27FC236}">
                  <a16:creationId xmlns:a16="http://schemas.microsoft.com/office/drawing/2014/main" id="{6F07B094-0986-49A7-AE5C-99FA6E02CB62}"/>
                </a:ext>
              </a:extLst>
            </p:cNvPr>
            <p:cNvSpPr txBox="1"/>
            <p:nvPr/>
          </p:nvSpPr>
          <p:spPr>
            <a:xfrm>
              <a:off x="549702" y="4921515"/>
              <a:ext cx="2564976" cy="30777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nb-NO" sz="2000" spc="-50" dirty="0">
                  <a:latin typeface="+mj-lt"/>
                  <a:ea typeface="+mj-ea"/>
                  <a:cs typeface="+mj-cs"/>
                </a:rPr>
                <a:t>i tre land</a:t>
              </a:r>
              <a:endParaRPr lang="nb-NO" dirty="0"/>
            </a:p>
          </p:txBody>
        </p:sp>
        <p:sp>
          <p:nvSpPr>
            <p:cNvPr id="16" name="TextBox 202">
              <a:extLst>
                <a:ext uri="{FF2B5EF4-FFF2-40B4-BE49-F238E27FC236}">
                  <a16:creationId xmlns:a16="http://schemas.microsoft.com/office/drawing/2014/main" id="{5DB34E51-2B0F-40CC-809E-9229A199FF1C}"/>
                </a:ext>
              </a:extLst>
            </p:cNvPr>
            <p:cNvSpPr txBox="1"/>
            <p:nvPr/>
          </p:nvSpPr>
          <p:spPr>
            <a:xfrm>
              <a:off x="546468" y="4126632"/>
              <a:ext cx="2568210" cy="615553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spAutoFit/>
            </a:bodyPr>
            <a:lstStyle/>
            <a:p>
              <a:r>
                <a:rPr lang="nb-NO" sz="2000" spc="-50" dirty="0">
                  <a:latin typeface="+mj-lt"/>
                  <a:ea typeface="+mj-ea"/>
                  <a:cs typeface="+mj-cs"/>
                </a:rPr>
                <a:t>Ansatte</a:t>
              </a:r>
              <a:endParaRPr lang="nb-NO" dirty="0"/>
            </a:p>
            <a:p>
              <a:r>
                <a:rPr lang="nb-NO" sz="2000" dirty="0">
                  <a:solidFill>
                    <a:srgbClr val="575757"/>
                  </a:solidFill>
                  <a:latin typeface="+mj-lt"/>
                  <a:ea typeface="+mj-ea"/>
                  <a:cs typeface="+mj-cs"/>
                </a:rPr>
                <a:t> </a:t>
              </a:r>
              <a:endParaRPr lang="nb-NO" dirty="0"/>
            </a:p>
          </p:txBody>
        </p:sp>
      </p:grpSp>
      <p:sp>
        <p:nvSpPr>
          <p:cNvPr id="21" name="TextBox 197">
            <a:extLst>
              <a:ext uri="{FF2B5EF4-FFF2-40B4-BE49-F238E27FC236}">
                <a16:creationId xmlns:a16="http://schemas.microsoft.com/office/drawing/2014/main" id="{EFBE7223-4870-4433-A7DF-FE5B209B929A}"/>
              </a:ext>
            </a:extLst>
          </p:cNvPr>
          <p:cNvSpPr txBox="1"/>
          <p:nvPr/>
        </p:nvSpPr>
        <p:spPr>
          <a:xfrm>
            <a:off x="538801" y="1323240"/>
            <a:ext cx="4037256" cy="615553"/>
          </a:xfrm>
          <a:prstGeom prst="rect">
            <a:avLst/>
          </a:prstGeom>
          <a:noFill/>
          <a:effectLst/>
        </p:spPr>
        <p:txBody>
          <a:bodyPr wrap="square" lIns="0" tIns="0" rIns="0" bIns="0" rtlCol="0">
            <a:spAutoFit/>
          </a:bodyPr>
          <a:lstStyle/>
          <a:p>
            <a:r>
              <a:rPr lang="nb-NO" sz="2000" spc="-50" dirty="0">
                <a:latin typeface="+mj-lt"/>
                <a:ea typeface="+mj-ea"/>
                <a:cs typeface="+mj-cs"/>
              </a:rPr>
              <a:t>Norges største og Skandinavias fjerde største entreprenør</a:t>
            </a:r>
            <a:endParaRPr lang="nb-NO" dirty="0"/>
          </a:p>
        </p:txBody>
      </p:sp>
      <p:grpSp>
        <p:nvGrpSpPr>
          <p:cNvPr id="30" name="Gruppe 29">
            <a:extLst>
              <a:ext uri="{FF2B5EF4-FFF2-40B4-BE49-F238E27FC236}">
                <a16:creationId xmlns:a16="http://schemas.microsoft.com/office/drawing/2014/main" id="{7E60FA91-1FBB-4316-BBA4-3C206FA477D8}"/>
              </a:ext>
            </a:extLst>
          </p:cNvPr>
          <p:cNvGrpSpPr/>
          <p:nvPr/>
        </p:nvGrpSpPr>
        <p:grpSpPr>
          <a:xfrm>
            <a:off x="8259014" y="457531"/>
            <a:ext cx="1575866" cy="1680227"/>
            <a:chOff x="904207" y="639618"/>
            <a:chExt cx="5699793" cy="5726168"/>
          </a:xfrm>
        </p:grpSpPr>
        <p:sp>
          <p:nvSpPr>
            <p:cNvPr id="31" name="Freeform 5">
              <a:extLst>
                <a:ext uri="{FF2B5EF4-FFF2-40B4-BE49-F238E27FC236}">
                  <a16:creationId xmlns:a16="http://schemas.microsoft.com/office/drawing/2014/main" id="{82EA1BE6-D708-4146-B605-383B58D458A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798004" y="5134982"/>
              <a:ext cx="782439" cy="1230804"/>
            </a:xfrm>
            <a:custGeom>
              <a:avLst/>
              <a:gdLst>
                <a:gd name="T0" fmla="*/ 17 w 77"/>
                <a:gd name="T1" fmla="*/ 88 h 121"/>
                <a:gd name="T2" fmla="*/ 0 w 77"/>
                <a:gd name="T3" fmla="*/ 105 h 121"/>
                <a:gd name="T4" fmla="*/ 17 w 77"/>
                <a:gd name="T5" fmla="*/ 121 h 121"/>
                <a:gd name="T6" fmla="*/ 33 w 77"/>
                <a:gd name="T7" fmla="*/ 105 h 121"/>
                <a:gd name="T8" fmla="*/ 17 w 77"/>
                <a:gd name="T9" fmla="*/ 88 h 121"/>
                <a:gd name="T10" fmla="*/ 17 w 77"/>
                <a:gd name="T11" fmla="*/ 43 h 121"/>
                <a:gd name="T12" fmla="*/ 0 w 77"/>
                <a:gd name="T13" fmla="*/ 60 h 121"/>
                <a:gd name="T14" fmla="*/ 17 w 77"/>
                <a:gd name="T15" fmla="*/ 77 h 121"/>
                <a:gd name="T16" fmla="*/ 33 w 77"/>
                <a:gd name="T17" fmla="*/ 60 h 121"/>
                <a:gd name="T18" fmla="*/ 17 w 77"/>
                <a:gd name="T19" fmla="*/ 43 h 121"/>
                <a:gd name="T20" fmla="*/ 61 w 77"/>
                <a:gd name="T21" fmla="*/ 43 h 121"/>
                <a:gd name="T22" fmla="*/ 44 w 77"/>
                <a:gd name="T23" fmla="*/ 60 h 121"/>
                <a:gd name="T24" fmla="*/ 61 w 77"/>
                <a:gd name="T25" fmla="*/ 77 h 121"/>
                <a:gd name="T26" fmla="*/ 77 w 77"/>
                <a:gd name="T27" fmla="*/ 60 h 121"/>
                <a:gd name="T28" fmla="*/ 61 w 77"/>
                <a:gd name="T29" fmla="*/ 43 h 121"/>
                <a:gd name="T30" fmla="*/ 17 w 77"/>
                <a:gd name="T31" fmla="*/ 0 h 121"/>
                <a:gd name="T32" fmla="*/ 0 w 77"/>
                <a:gd name="T33" fmla="*/ 16 h 121"/>
                <a:gd name="T34" fmla="*/ 17 w 77"/>
                <a:gd name="T35" fmla="*/ 32 h 121"/>
                <a:gd name="T36" fmla="*/ 33 w 77"/>
                <a:gd name="T37" fmla="*/ 16 h 121"/>
                <a:gd name="T38" fmla="*/ 17 w 77"/>
                <a:gd name="T39" fmla="*/ 0 h 1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77" h="121">
                  <a:moveTo>
                    <a:pt x="17" y="88"/>
                  </a:moveTo>
                  <a:cubicBezTo>
                    <a:pt x="7" y="88"/>
                    <a:pt x="0" y="95"/>
                    <a:pt x="0" y="105"/>
                  </a:cubicBezTo>
                  <a:cubicBezTo>
                    <a:pt x="0" y="113"/>
                    <a:pt x="7" y="121"/>
                    <a:pt x="17" y="121"/>
                  </a:cubicBezTo>
                  <a:cubicBezTo>
                    <a:pt x="26" y="121"/>
                    <a:pt x="33" y="113"/>
                    <a:pt x="33" y="105"/>
                  </a:cubicBezTo>
                  <a:cubicBezTo>
                    <a:pt x="33" y="95"/>
                    <a:pt x="26" y="88"/>
                    <a:pt x="17" y="88"/>
                  </a:cubicBezTo>
                  <a:moveTo>
                    <a:pt x="17" y="43"/>
                  </a:moveTo>
                  <a:cubicBezTo>
                    <a:pt x="7" y="43"/>
                    <a:pt x="0" y="51"/>
                    <a:pt x="0" y="60"/>
                  </a:cubicBezTo>
                  <a:cubicBezTo>
                    <a:pt x="0" y="69"/>
                    <a:pt x="7" y="77"/>
                    <a:pt x="17" y="77"/>
                  </a:cubicBezTo>
                  <a:cubicBezTo>
                    <a:pt x="26" y="77"/>
                    <a:pt x="33" y="69"/>
                    <a:pt x="33" y="60"/>
                  </a:cubicBezTo>
                  <a:cubicBezTo>
                    <a:pt x="33" y="51"/>
                    <a:pt x="26" y="43"/>
                    <a:pt x="17" y="43"/>
                  </a:cubicBezTo>
                  <a:moveTo>
                    <a:pt x="61" y="43"/>
                  </a:moveTo>
                  <a:cubicBezTo>
                    <a:pt x="51" y="43"/>
                    <a:pt x="44" y="51"/>
                    <a:pt x="44" y="60"/>
                  </a:cubicBezTo>
                  <a:cubicBezTo>
                    <a:pt x="44" y="69"/>
                    <a:pt x="51" y="77"/>
                    <a:pt x="61" y="77"/>
                  </a:cubicBezTo>
                  <a:cubicBezTo>
                    <a:pt x="70" y="77"/>
                    <a:pt x="77" y="69"/>
                    <a:pt x="77" y="60"/>
                  </a:cubicBezTo>
                  <a:cubicBezTo>
                    <a:pt x="77" y="51"/>
                    <a:pt x="70" y="43"/>
                    <a:pt x="61" y="43"/>
                  </a:cubicBezTo>
                  <a:moveTo>
                    <a:pt x="17" y="0"/>
                  </a:moveTo>
                  <a:cubicBezTo>
                    <a:pt x="7" y="0"/>
                    <a:pt x="0" y="7"/>
                    <a:pt x="0" y="16"/>
                  </a:cubicBezTo>
                  <a:cubicBezTo>
                    <a:pt x="0" y="25"/>
                    <a:pt x="7" y="32"/>
                    <a:pt x="17" y="32"/>
                  </a:cubicBezTo>
                  <a:cubicBezTo>
                    <a:pt x="26" y="32"/>
                    <a:pt x="33" y="25"/>
                    <a:pt x="33" y="16"/>
                  </a:cubicBezTo>
                  <a:cubicBezTo>
                    <a:pt x="33" y="7"/>
                    <a:pt x="26" y="0"/>
                    <a:pt x="17" y="0"/>
                  </a:cubicBezTo>
                </a:path>
              </a:pathLst>
            </a:custGeom>
            <a:solidFill>
              <a:srgbClr val="FFC9BF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nb-NO" dirty="0"/>
            </a:p>
          </p:txBody>
        </p:sp>
        <p:sp>
          <p:nvSpPr>
            <p:cNvPr id="32" name="Freeform 6">
              <a:extLst>
                <a:ext uri="{FF2B5EF4-FFF2-40B4-BE49-F238E27FC236}">
                  <a16:creationId xmlns:a16="http://schemas.microsoft.com/office/drawing/2014/main" id="{329FD6C8-7F99-49D2-8DD2-6952EA03E06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691803" y="1533417"/>
              <a:ext cx="3018400" cy="4375215"/>
            </a:xfrm>
            <a:custGeom>
              <a:avLst/>
              <a:gdLst>
                <a:gd name="T0" fmla="*/ 60 w 297"/>
                <a:gd name="T1" fmla="*/ 430 h 430"/>
                <a:gd name="T2" fmla="*/ 105 w 297"/>
                <a:gd name="T3" fmla="*/ 353 h 430"/>
                <a:gd name="T4" fmla="*/ 121 w 297"/>
                <a:gd name="T5" fmla="*/ 370 h 430"/>
                <a:gd name="T6" fmla="*/ 43 w 297"/>
                <a:gd name="T7" fmla="*/ 370 h 430"/>
                <a:gd name="T8" fmla="*/ 60 w 297"/>
                <a:gd name="T9" fmla="*/ 353 h 430"/>
                <a:gd name="T10" fmla="*/ 105 w 297"/>
                <a:gd name="T11" fmla="*/ 342 h 430"/>
                <a:gd name="T12" fmla="*/ 60 w 297"/>
                <a:gd name="T13" fmla="*/ 309 h 430"/>
                <a:gd name="T14" fmla="*/ 77 w 297"/>
                <a:gd name="T15" fmla="*/ 325 h 430"/>
                <a:gd name="T16" fmla="*/ 0 w 297"/>
                <a:gd name="T17" fmla="*/ 325 h 430"/>
                <a:gd name="T18" fmla="*/ 16 w 297"/>
                <a:gd name="T19" fmla="*/ 309 h 430"/>
                <a:gd name="T20" fmla="*/ 148 w 297"/>
                <a:gd name="T21" fmla="*/ 297 h 430"/>
                <a:gd name="T22" fmla="*/ 105 w 297"/>
                <a:gd name="T23" fmla="*/ 265 h 430"/>
                <a:gd name="T24" fmla="*/ 121 w 297"/>
                <a:gd name="T25" fmla="*/ 281 h 430"/>
                <a:gd name="T26" fmla="*/ 43 w 297"/>
                <a:gd name="T27" fmla="*/ 281 h 430"/>
                <a:gd name="T28" fmla="*/ 60 w 297"/>
                <a:gd name="T29" fmla="*/ 265 h 430"/>
                <a:gd name="T30" fmla="*/ 16 w 297"/>
                <a:gd name="T31" fmla="*/ 297 h 430"/>
                <a:gd name="T32" fmla="*/ 148 w 297"/>
                <a:gd name="T33" fmla="*/ 221 h 430"/>
                <a:gd name="T34" fmla="*/ 165 w 297"/>
                <a:gd name="T35" fmla="*/ 237 h 430"/>
                <a:gd name="T36" fmla="*/ 88 w 297"/>
                <a:gd name="T37" fmla="*/ 237 h 430"/>
                <a:gd name="T38" fmla="*/ 105 w 297"/>
                <a:gd name="T39" fmla="*/ 221 h 430"/>
                <a:gd name="T40" fmla="*/ 60 w 297"/>
                <a:gd name="T41" fmla="*/ 254 h 430"/>
                <a:gd name="T42" fmla="*/ 105 w 297"/>
                <a:gd name="T43" fmla="*/ 176 h 430"/>
                <a:gd name="T44" fmla="*/ 121 w 297"/>
                <a:gd name="T45" fmla="*/ 193 h 430"/>
                <a:gd name="T46" fmla="*/ 43 w 297"/>
                <a:gd name="T47" fmla="*/ 193 h 430"/>
                <a:gd name="T48" fmla="*/ 60 w 297"/>
                <a:gd name="T49" fmla="*/ 176 h 430"/>
                <a:gd name="T50" fmla="*/ 16 w 297"/>
                <a:gd name="T51" fmla="*/ 209 h 430"/>
                <a:gd name="T52" fmla="*/ 193 w 297"/>
                <a:gd name="T53" fmla="*/ 133 h 430"/>
                <a:gd name="T54" fmla="*/ 209 w 297"/>
                <a:gd name="T55" fmla="*/ 149 h 430"/>
                <a:gd name="T56" fmla="*/ 131 w 297"/>
                <a:gd name="T57" fmla="*/ 149 h 430"/>
                <a:gd name="T58" fmla="*/ 148 w 297"/>
                <a:gd name="T59" fmla="*/ 133 h 430"/>
                <a:gd name="T60" fmla="*/ 105 w 297"/>
                <a:gd name="T61" fmla="*/ 166 h 430"/>
                <a:gd name="T62" fmla="*/ 60 w 297"/>
                <a:gd name="T63" fmla="*/ 133 h 430"/>
                <a:gd name="T64" fmla="*/ 77 w 297"/>
                <a:gd name="T65" fmla="*/ 149 h 430"/>
                <a:gd name="T66" fmla="*/ 0 w 297"/>
                <a:gd name="T67" fmla="*/ 149 h 430"/>
                <a:gd name="T68" fmla="*/ 16 w 297"/>
                <a:gd name="T69" fmla="*/ 133 h 430"/>
                <a:gd name="T70" fmla="*/ 236 w 297"/>
                <a:gd name="T71" fmla="*/ 122 h 430"/>
                <a:gd name="T72" fmla="*/ 193 w 297"/>
                <a:gd name="T73" fmla="*/ 88 h 430"/>
                <a:gd name="T74" fmla="*/ 209 w 297"/>
                <a:gd name="T75" fmla="*/ 105 h 430"/>
                <a:gd name="T76" fmla="*/ 131 w 297"/>
                <a:gd name="T77" fmla="*/ 105 h 430"/>
                <a:gd name="T78" fmla="*/ 148 w 297"/>
                <a:gd name="T79" fmla="*/ 88 h 430"/>
                <a:gd name="T80" fmla="*/ 105 w 297"/>
                <a:gd name="T81" fmla="*/ 122 h 430"/>
                <a:gd name="T82" fmla="*/ 281 w 297"/>
                <a:gd name="T83" fmla="*/ 45 h 430"/>
                <a:gd name="T84" fmla="*/ 297 w 297"/>
                <a:gd name="T85" fmla="*/ 62 h 430"/>
                <a:gd name="T86" fmla="*/ 220 w 297"/>
                <a:gd name="T87" fmla="*/ 62 h 430"/>
                <a:gd name="T88" fmla="*/ 236 w 297"/>
                <a:gd name="T89" fmla="*/ 45 h 430"/>
                <a:gd name="T90" fmla="*/ 193 w 297"/>
                <a:gd name="T91" fmla="*/ 78 h 430"/>
                <a:gd name="T92" fmla="*/ 148 w 297"/>
                <a:gd name="T93" fmla="*/ 45 h 430"/>
                <a:gd name="T94" fmla="*/ 165 w 297"/>
                <a:gd name="T95" fmla="*/ 62 h 430"/>
                <a:gd name="T96" fmla="*/ 88 w 297"/>
                <a:gd name="T97" fmla="*/ 62 h 430"/>
                <a:gd name="T98" fmla="*/ 105 w 297"/>
                <a:gd name="T99" fmla="*/ 45 h 430"/>
                <a:gd name="T100" fmla="*/ 281 w 297"/>
                <a:gd name="T101" fmla="*/ 34 h 430"/>
                <a:gd name="T102" fmla="*/ 236 w 297"/>
                <a:gd name="T103" fmla="*/ 0 h 430"/>
                <a:gd name="T104" fmla="*/ 253 w 297"/>
                <a:gd name="T105" fmla="*/ 17 h 430"/>
                <a:gd name="T106" fmla="*/ 176 w 297"/>
                <a:gd name="T107" fmla="*/ 17 h 430"/>
                <a:gd name="T108" fmla="*/ 193 w 297"/>
                <a:gd name="T109" fmla="*/ 0 h 430"/>
                <a:gd name="T110" fmla="*/ 131 w 297"/>
                <a:gd name="T111" fmla="*/ 17 h 4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</a:cxnLst>
              <a:rect l="0" t="0" r="r" b="b"/>
              <a:pathLst>
                <a:path w="297" h="430">
                  <a:moveTo>
                    <a:pt x="60" y="397"/>
                  </a:moveTo>
                  <a:cubicBezTo>
                    <a:pt x="51" y="397"/>
                    <a:pt x="43" y="404"/>
                    <a:pt x="43" y="413"/>
                  </a:cubicBezTo>
                  <a:cubicBezTo>
                    <a:pt x="43" y="423"/>
                    <a:pt x="51" y="430"/>
                    <a:pt x="60" y="430"/>
                  </a:cubicBezTo>
                  <a:cubicBezTo>
                    <a:pt x="69" y="430"/>
                    <a:pt x="77" y="423"/>
                    <a:pt x="77" y="413"/>
                  </a:cubicBezTo>
                  <a:cubicBezTo>
                    <a:pt x="77" y="404"/>
                    <a:pt x="69" y="397"/>
                    <a:pt x="60" y="397"/>
                  </a:cubicBezTo>
                  <a:close/>
                  <a:moveTo>
                    <a:pt x="105" y="353"/>
                  </a:moveTo>
                  <a:cubicBezTo>
                    <a:pt x="95" y="353"/>
                    <a:pt x="88" y="360"/>
                    <a:pt x="88" y="370"/>
                  </a:cubicBezTo>
                  <a:cubicBezTo>
                    <a:pt x="88" y="378"/>
                    <a:pt x="95" y="385"/>
                    <a:pt x="105" y="385"/>
                  </a:cubicBezTo>
                  <a:cubicBezTo>
                    <a:pt x="114" y="385"/>
                    <a:pt x="121" y="378"/>
                    <a:pt x="121" y="370"/>
                  </a:cubicBezTo>
                  <a:cubicBezTo>
                    <a:pt x="121" y="360"/>
                    <a:pt x="114" y="353"/>
                    <a:pt x="105" y="353"/>
                  </a:cubicBezTo>
                  <a:close/>
                  <a:moveTo>
                    <a:pt x="60" y="353"/>
                  </a:moveTo>
                  <a:cubicBezTo>
                    <a:pt x="51" y="353"/>
                    <a:pt x="43" y="360"/>
                    <a:pt x="43" y="370"/>
                  </a:cubicBezTo>
                  <a:cubicBezTo>
                    <a:pt x="43" y="378"/>
                    <a:pt x="51" y="385"/>
                    <a:pt x="60" y="385"/>
                  </a:cubicBezTo>
                  <a:cubicBezTo>
                    <a:pt x="69" y="385"/>
                    <a:pt x="77" y="378"/>
                    <a:pt x="77" y="370"/>
                  </a:cubicBezTo>
                  <a:cubicBezTo>
                    <a:pt x="77" y="360"/>
                    <a:pt x="69" y="353"/>
                    <a:pt x="60" y="353"/>
                  </a:cubicBezTo>
                  <a:close/>
                  <a:moveTo>
                    <a:pt x="105" y="309"/>
                  </a:moveTo>
                  <a:cubicBezTo>
                    <a:pt x="95" y="309"/>
                    <a:pt x="88" y="316"/>
                    <a:pt x="88" y="325"/>
                  </a:cubicBezTo>
                  <a:cubicBezTo>
                    <a:pt x="88" y="335"/>
                    <a:pt x="95" y="342"/>
                    <a:pt x="105" y="342"/>
                  </a:cubicBezTo>
                  <a:cubicBezTo>
                    <a:pt x="114" y="342"/>
                    <a:pt x="121" y="335"/>
                    <a:pt x="121" y="325"/>
                  </a:cubicBezTo>
                  <a:cubicBezTo>
                    <a:pt x="121" y="316"/>
                    <a:pt x="114" y="309"/>
                    <a:pt x="105" y="309"/>
                  </a:cubicBezTo>
                  <a:close/>
                  <a:moveTo>
                    <a:pt x="60" y="309"/>
                  </a:moveTo>
                  <a:cubicBezTo>
                    <a:pt x="51" y="309"/>
                    <a:pt x="43" y="316"/>
                    <a:pt x="43" y="325"/>
                  </a:cubicBezTo>
                  <a:cubicBezTo>
                    <a:pt x="43" y="335"/>
                    <a:pt x="51" y="342"/>
                    <a:pt x="60" y="342"/>
                  </a:cubicBezTo>
                  <a:cubicBezTo>
                    <a:pt x="69" y="342"/>
                    <a:pt x="77" y="335"/>
                    <a:pt x="77" y="325"/>
                  </a:cubicBezTo>
                  <a:cubicBezTo>
                    <a:pt x="77" y="316"/>
                    <a:pt x="69" y="309"/>
                    <a:pt x="60" y="309"/>
                  </a:cubicBezTo>
                  <a:close/>
                  <a:moveTo>
                    <a:pt x="16" y="309"/>
                  </a:moveTo>
                  <a:cubicBezTo>
                    <a:pt x="7" y="309"/>
                    <a:pt x="0" y="316"/>
                    <a:pt x="0" y="325"/>
                  </a:cubicBezTo>
                  <a:cubicBezTo>
                    <a:pt x="0" y="335"/>
                    <a:pt x="7" y="342"/>
                    <a:pt x="16" y="342"/>
                  </a:cubicBezTo>
                  <a:cubicBezTo>
                    <a:pt x="26" y="342"/>
                    <a:pt x="33" y="335"/>
                    <a:pt x="33" y="325"/>
                  </a:cubicBezTo>
                  <a:cubicBezTo>
                    <a:pt x="33" y="316"/>
                    <a:pt x="26" y="309"/>
                    <a:pt x="16" y="309"/>
                  </a:cubicBezTo>
                  <a:close/>
                  <a:moveTo>
                    <a:pt x="148" y="265"/>
                  </a:moveTo>
                  <a:cubicBezTo>
                    <a:pt x="140" y="265"/>
                    <a:pt x="131" y="273"/>
                    <a:pt x="131" y="281"/>
                  </a:cubicBezTo>
                  <a:cubicBezTo>
                    <a:pt x="131" y="290"/>
                    <a:pt x="140" y="297"/>
                    <a:pt x="148" y="297"/>
                  </a:cubicBezTo>
                  <a:cubicBezTo>
                    <a:pt x="157" y="297"/>
                    <a:pt x="165" y="290"/>
                    <a:pt x="165" y="281"/>
                  </a:cubicBezTo>
                  <a:cubicBezTo>
                    <a:pt x="165" y="273"/>
                    <a:pt x="157" y="265"/>
                    <a:pt x="148" y="265"/>
                  </a:cubicBezTo>
                  <a:close/>
                  <a:moveTo>
                    <a:pt x="105" y="265"/>
                  </a:moveTo>
                  <a:cubicBezTo>
                    <a:pt x="95" y="265"/>
                    <a:pt x="88" y="273"/>
                    <a:pt x="88" y="281"/>
                  </a:cubicBezTo>
                  <a:cubicBezTo>
                    <a:pt x="88" y="290"/>
                    <a:pt x="95" y="297"/>
                    <a:pt x="105" y="297"/>
                  </a:cubicBezTo>
                  <a:cubicBezTo>
                    <a:pt x="114" y="297"/>
                    <a:pt x="121" y="290"/>
                    <a:pt x="121" y="281"/>
                  </a:cubicBezTo>
                  <a:cubicBezTo>
                    <a:pt x="121" y="273"/>
                    <a:pt x="114" y="265"/>
                    <a:pt x="105" y="265"/>
                  </a:cubicBezTo>
                  <a:close/>
                  <a:moveTo>
                    <a:pt x="60" y="265"/>
                  </a:moveTo>
                  <a:cubicBezTo>
                    <a:pt x="51" y="265"/>
                    <a:pt x="43" y="273"/>
                    <a:pt x="43" y="281"/>
                  </a:cubicBezTo>
                  <a:cubicBezTo>
                    <a:pt x="43" y="290"/>
                    <a:pt x="51" y="297"/>
                    <a:pt x="60" y="297"/>
                  </a:cubicBezTo>
                  <a:cubicBezTo>
                    <a:pt x="69" y="297"/>
                    <a:pt x="77" y="290"/>
                    <a:pt x="77" y="281"/>
                  </a:cubicBezTo>
                  <a:cubicBezTo>
                    <a:pt x="77" y="273"/>
                    <a:pt x="69" y="265"/>
                    <a:pt x="60" y="265"/>
                  </a:cubicBezTo>
                  <a:close/>
                  <a:moveTo>
                    <a:pt x="16" y="265"/>
                  </a:moveTo>
                  <a:cubicBezTo>
                    <a:pt x="7" y="265"/>
                    <a:pt x="0" y="273"/>
                    <a:pt x="0" y="281"/>
                  </a:cubicBezTo>
                  <a:cubicBezTo>
                    <a:pt x="0" y="290"/>
                    <a:pt x="7" y="297"/>
                    <a:pt x="16" y="297"/>
                  </a:cubicBezTo>
                  <a:cubicBezTo>
                    <a:pt x="26" y="297"/>
                    <a:pt x="33" y="290"/>
                    <a:pt x="33" y="281"/>
                  </a:cubicBezTo>
                  <a:cubicBezTo>
                    <a:pt x="33" y="273"/>
                    <a:pt x="26" y="265"/>
                    <a:pt x="16" y="265"/>
                  </a:cubicBezTo>
                  <a:close/>
                  <a:moveTo>
                    <a:pt x="148" y="221"/>
                  </a:moveTo>
                  <a:cubicBezTo>
                    <a:pt x="140" y="221"/>
                    <a:pt x="131" y="228"/>
                    <a:pt x="131" y="237"/>
                  </a:cubicBezTo>
                  <a:cubicBezTo>
                    <a:pt x="131" y="247"/>
                    <a:pt x="140" y="254"/>
                    <a:pt x="148" y="254"/>
                  </a:cubicBezTo>
                  <a:cubicBezTo>
                    <a:pt x="157" y="254"/>
                    <a:pt x="165" y="247"/>
                    <a:pt x="165" y="237"/>
                  </a:cubicBezTo>
                  <a:cubicBezTo>
                    <a:pt x="165" y="228"/>
                    <a:pt x="157" y="221"/>
                    <a:pt x="148" y="221"/>
                  </a:cubicBezTo>
                  <a:close/>
                  <a:moveTo>
                    <a:pt x="105" y="221"/>
                  </a:moveTo>
                  <a:cubicBezTo>
                    <a:pt x="95" y="221"/>
                    <a:pt x="88" y="228"/>
                    <a:pt x="88" y="237"/>
                  </a:cubicBezTo>
                  <a:cubicBezTo>
                    <a:pt x="88" y="247"/>
                    <a:pt x="95" y="254"/>
                    <a:pt x="105" y="254"/>
                  </a:cubicBezTo>
                  <a:cubicBezTo>
                    <a:pt x="114" y="254"/>
                    <a:pt x="121" y="247"/>
                    <a:pt x="121" y="237"/>
                  </a:cubicBezTo>
                  <a:cubicBezTo>
                    <a:pt x="121" y="228"/>
                    <a:pt x="114" y="221"/>
                    <a:pt x="105" y="221"/>
                  </a:cubicBezTo>
                  <a:close/>
                  <a:moveTo>
                    <a:pt x="60" y="221"/>
                  </a:moveTo>
                  <a:cubicBezTo>
                    <a:pt x="51" y="221"/>
                    <a:pt x="43" y="228"/>
                    <a:pt x="43" y="237"/>
                  </a:cubicBezTo>
                  <a:cubicBezTo>
                    <a:pt x="43" y="247"/>
                    <a:pt x="51" y="254"/>
                    <a:pt x="60" y="254"/>
                  </a:cubicBezTo>
                  <a:cubicBezTo>
                    <a:pt x="69" y="254"/>
                    <a:pt x="77" y="247"/>
                    <a:pt x="77" y="237"/>
                  </a:cubicBezTo>
                  <a:cubicBezTo>
                    <a:pt x="77" y="228"/>
                    <a:pt x="69" y="221"/>
                    <a:pt x="60" y="221"/>
                  </a:cubicBezTo>
                  <a:close/>
                  <a:moveTo>
                    <a:pt x="105" y="176"/>
                  </a:moveTo>
                  <a:cubicBezTo>
                    <a:pt x="95" y="176"/>
                    <a:pt x="88" y="185"/>
                    <a:pt x="88" y="193"/>
                  </a:cubicBezTo>
                  <a:cubicBezTo>
                    <a:pt x="88" y="202"/>
                    <a:pt x="95" y="209"/>
                    <a:pt x="105" y="209"/>
                  </a:cubicBezTo>
                  <a:cubicBezTo>
                    <a:pt x="114" y="209"/>
                    <a:pt x="121" y="202"/>
                    <a:pt x="121" y="193"/>
                  </a:cubicBezTo>
                  <a:cubicBezTo>
                    <a:pt x="121" y="185"/>
                    <a:pt x="114" y="176"/>
                    <a:pt x="105" y="176"/>
                  </a:cubicBezTo>
                  <a:close/>
                  <a:moveTo>
                    <a:pt x="60" y="176"/>
                  </a:moveTo>
                  <a:cubicBezTo>
                    <a:pt x="51" y="176"/>
                    <a:pt x="43" y="185"/>
                    <a:pt x="43" y="193"/>
                  </a:cubicBezTo>
                  <a:cubicBezTo>
                    <a:pt x="43" y="202"/>
                    <a:pt x="51" y="209"/>
                    <a:pt x="60" y="209"/>
                  </a:cubicBezTo>
                  <a:cubicBezTo>
                    <a:pt x="69" y="209"/>
                    <a:pt x="77" y="202"/>
                    <a:pt x="77" y="193"/>
                  </a:cubicBezTo>
                  <a:cubicBezTo>
                    <a:pt x="77" y="185"/>
                    <a:pt x="69" y="176"/>
                    <a:pt x="60" y="176"/>
                  </a:cubicBezTo>
                  <a:close/>
                  <a:moveTo>
                    <a:pt x="16" y="176"/>
                  </a:moveTo>
                  <a:cubicBezTo>
                    <a:pt x="7" y="176"/>
                    <a:pt x="0" y="185"/>
                    <a:pt x="0" y="193"/>
                  </a:cubicBezTo>
                  <a:cubicBezTo>
                    <a:pt x="0" y="202"/>
                    <a:pt x="7" y="209"/>
                    <a:pt x="16" y="209"/>
                  </a:cubicBezTo>
                  <a:cubicBezTo>
                    <a:pt x="26" y="209"/>
                    <a:pt x="33" y="202"/>
                    <a:pt x="33" y="193"/>
                  </a:cubicBezTo>
                  <a:cubicBezTo>
                    <a:pt x="33" y="185"/>
                    <a:pt x="26" y="176"/>
                    <a:pt x="16" y="176"/>
                  </a:cubicBezTo>
                  <a:close/>
                  <a:moveTo>
                    <a:pt x="193" y="133"/>
                  </a:moveTo>
                  <a:cubicBezTo>
                    <a:pt x="183" y="133"/>
                    <a:pt x="176" y="140"/>
                    <a:pt x="176" y="149"/>
                  </a:cubicBezTo>
                  <a:cubicBezTo>
                    <a:pt x="176" y="159"/>
                    <a:pt x="183" y="166"/>
                    <a:pt x="193" y="166"/>
                  </a:cubicBezTo>
                  <a:cubicBezTo>
                    <a:pt x="202" y="166"/>
                    <a:pt x="209" y="159"/>
                    <a:pt x="209" y="149"/>
                  </a:cubicBezTo>
                  <a:cubicBezTo>
                    <a:pt x="209" y="140"/>
                    <a:pt x="202" y="133"/>
                    <a:pt x="193" y="133"/>
                  </a:cubicBezTo>
                  <a:close/>
                  <a:moveTo>
                    <a:pt x="148" y="133"/>
                  </a:moveTo>
                  <a:cubicBezTo>
                    <a:pt x="140" y="133"/>
                    <a:pt x="131" y="140"/>
                    <a:pt x="131" y="149"/>
                  </a:cubicBezTo>
                  <a:cubicBezTo>
                    <a:pt x="131" y="159"/>
                    <a:pt x="140" y="166"/>
                    <a:pt x="148" y="166"/>
                  </a:cubicBezTo>
                  <a:cubicBezTo>
                    <a:pt x="157" y="166"/>
                    <a:pt x="165" y="159"/>
                    <a:pt x="165" y="149"/>
                  </a:cubicBezTo>
                  <a:cubicBezTo>
                    <a:pt x="165" y="140"/>
                    <a:pt x="157" y="133"/>
                    <a:pt x="148" y="133"/>
                  </a:cubicBezTo>
                  <a:close/>
                  <a:moveTo>
                    <a:pt x="105" y="133"/>
                  </a:moveTo>
                  <a:cubicBezTo>
                    <a:pt x="95" y="133"/>
                    <a:pt x="88" y="140"/>
                    <a:pt x="88" y="149"/>
                  </a:cubicBezTo>
                  <a:cubicBezTo>
                    <a:pt x="88" y="159"/>
                    <a:pt x="95" y="166"/>
                    <a:pt x="105" y="166"/>
                  </a:cubicBezTo>
                  <a:cubicBezTo>
                    <a:pt x="114" y="166"/>
                    <a:pt x="121" y="159"/>
                    <a:pt x="121" y="149"/>
                  </a:cubicBezTo>
                  <a:cubicBezTo>
                    <a:pt x="121" y="140"/>
                    <a:pt x="114" y="133"/>
                    <a:pt x="105" y="133"/>
                  </a:cubicBezTo>
                  <a:close/>
                  <a:moveTo>
                    <a:pt x="60" y="133"/>
                  </a:moveTo>
                  <a:cubicBezTo>
                    <a:pt x="51" y="133"/>
                    <a:pt x="43" y="140"/>
                    <a:pt x="43" y="149"/>
                  </a:cubicBezTo>
                  <a:cubicBezTo>
                    <a:pt x="43" y="159"/>
                    <a:pt x="51" y="166"/>
                    <a:pt x="60" y="166"/>
                  </a:cubicBezTo>
                  <a:cubicBezTo>
                    <a:pt x="69" y="166"/>
                    <a:pt x="77" y="159"/>
                    <a:pt x="77" y="149"/>
                  </a:cubicBezTo>
                  <a:cubicBezTo>
                    <a:pt x="77" y="140"/>
                    <a:pt x="69" y="133"/>
                    <a:pt x="60" y="133"/>
                  </a:cubicBezTo>
                  <a:close/>
                  <a:moveTo>
                    <a:pt x="16" y="133"/>
                  </a:moveTo>
                  <a:cubicBezTo>
                    <a:pt x="7" y="133"/>
                    <a:pt x="0" y="140"/>
                    <a:pt x="0" y="149"/>
                  </a:cubicBezTo>
                  <a:cubicBezTo>
                    <a:pt x="0" y="159"/>
                    <a:pt x="7" y="166"/>
                    <a:pt x="16" y="166"/>
                  </a:cubicBezTo>
                  <a:cubicBezTo>
                    <a:pt x="26" y="166"/>
                    <a:pt x="33" y="159"/>
                    <a:pt x="33" y="149"/>
                  </a:cubicBezTo>
                  <a:cubicBezTo>
                    <a:pt x="33" y="140"/>
                    <a:pt x="26" y="133"/>
                    <a:pt x="16" y="133"/>
                  </a:cubicBezTo>
                  <a:close/>
                  <a:moveTo>
                    <a:pt x="236" y="88"/>
                  </a:moveTo>
                  <a:cubicBezTo>
                    <a:pt x="228" y="88"/>
                    <a:pt x="220" y="97"/>
                    <a:pt x="220" y="105"/>
                  </a:cubicBezTo>
                  <a:cubicBezTo>
                    <a:pt x="220" y="114"/>
                    <a:pt x="228" y="122"/>
                    <a:pt x="236" y="122"/>
                  </a:cubicBezTo>
                  <a:cubicBezTo>
                    <a:pt x="245" y="122"/>
                    <a:pt x="253" y="114"/>
                    <a:pt x="253" y="105"/>
                  </a:cubicBezTo>
                  <a:cubicBezTo>
                    <a:pt x="253" y="97"/>
                    <a:pt x="245" y="88"/>
                    <a:pt x="236" y="88"/>
                  </a:cubicBezTo>
                  <a:close/>
                  <a:moveTo>
                    <a:pt x="193" y="88"/>
                  </a:moveTo>
                  <a:cubicBezTo>
                    <a:pt x="183" y="88"/>
                    <a:pt x="176" y="97"/>
                    <a:pt x="176" y="105"/>
                  </a:cubicBezTo>
                  <a:cubicBezTo>
                    <a:pt x="176" y="114"/>
                    <a:pt x="183" y="122"/>
                    <a:pt x="193" y="122"/>
                  </a:cubicBezTo>
                  <a:cubicBezTo>
                    <a:pt x="202" y="122"/>
                    <a:pt x="209" y="114"/>
                    <a:pt x="209" y="105"/>
                  </a:cubicBezTo>
                  <a:cubicBezTo>
                    <a:pt x="209" y="97"/>
                    <a:pt x="202" y="88"/>
                    <a:pt x="193" y="88"/>
                  </a:cubicBezTo>
                  <a:close/>
                  <a:moveTo>
                    <a:pt x="148" y="88"/>
                  </a:moveTo>
                  <a:cubicBezTo>
                    <a:pt x="140" y="88"/>
                    <a:pt x="131" y="97"/>
                    <a:pt x="131" y="105"/>
                  </a:cubicBezTo>
                  <a:cubicBezTo>
                    <a:pt x="131" y="114"/>
                    <a:pt x="140" y="122"/>
                    <a:pt x="148" y="122"/>
                  </a:cubicBezTo>
                  <a:cubicBezTo>
                    <a:pt x="157" y="122"/>
                    <a:pt x="165" y="114"/>
                    <a:pt x="165" y="105"/>
                  </a:cubicBezTo>
                  <a:cubicBezTo>
                    <a:pt x="165" y="97"/>
                    <a:pt x="157" y="88"/>
                    <a:pt x="148" y="88"/>
                  </a:cubicBezTo>
                  <a:close/>
                  <a:moveTo>
                    <a:pt x="105" y="88"/>
                  </a:moveTo>
                  <a:cubicBezTo>
                    <a:pt x="95" y="88"/>
                    <a:pt x="88" y="97"/>
                    <a:pt x="88" y="105"/>
                  </a:cubicBezTo>
                  <a:cubicBezTo>
                    <a:pt x="88" y="114"/>
                    <a:pt x="95" y="122"/>
                    <a:pt x="105" y="122"/>
                  </a:cubicBezTo>
                  <a:cubicBezTo>
                    <a:pt x="114" y="122"/>
                    <a:pt x="121" y="114"/>
                    <a:pt x="121" y="105"/>
                  </a:cubicBezTo>
                  <a:cubicBezTo>
                    <a:pt x="121" y="97"/>
                    <a:pt x="114" y="88"/>
                    <a:pt x="105" y="88"/>
                  </a:cubicBezTo>
                  <a:close/>
                  <a:moveTo>
                    <a:pt x="281" y="45"/>
                  </a:moveTo>
                  <a:cubicBezTo>
                    <a:pt x="271" y="45"/>
                    <a:pt x="264" y="52"/>
                    <a:pt x="264" y="62"/>
                  </a:cubicBezTo>
                  <a:cubicBezTo>
                    <a:pt x="264" y="71"/>
                    <a:pt x="271" y="78"/>
                    <a:pt x="281" y="78"/>
                  </a:cubicBezTo>
                  <a:cubicBezTo>
                    <a:pt x="290" y="78"/>
                    <a:pt x="297" y="71"/>
                    <a:pt x="297" y="62"/>
                  </a:cubicBezTo>
                  <a:cubicBezTo>
                    <a:pt x="297" y="52"/>
                    <a:pt x="290" y="45"/>
                    <a:pt x="281" y="45"/>
                  </a:cubicBezTo>
                  <a:close/>
                  <a:moveTo>
                    <a:pt x="236" y="45"/>
                  </a:moveTo>
                  <a:cubicBezTo>
                    <a:pt x="228" y="45"/>
                    <a:pt x="220" y="52"/>
                    <a:pt x="220" y="62"/>
                  </a:cubicBezTo>
                  <a:cubicBezTo>
                    <a:pt x="220" y="71"/>
                    <a:pt x="228" y="78"/>
                    <a:pt x="236" y="78"/>
                  </a:cubicBezTo>
                  <a:cubicBezTo>
                    <a:pt x="245" y="78"/>
                    <a:pt x="253" y="71"/>
                    <a:pt x="253" y="62"/>
                  </a:cubicBezTo>
                  <a:cubicBezTo>
                    <a:pt x="253" y="52"/>
                    <a:pt x="245" y="45"/>
                    <a:pt x="236" y="45"/>
                  </a:cubicBezTo>
                  <a:close/>
                  <a:moveTo>
                    <a:pt x="193" y="45"/>
                  </a:moveTo>
                  <a:cubicBezTo>
                    <a:pt x="183" y="45"/>
                    <a:pt x="176" y="52"/>
                    <a:pt x="176" y="62"/>
                  </a:cubicBezTo>
                  <a:cubicBezTo>
                    <a:pt x="176" y="71"/>
                    <a:pt x="183" y="78"/>
                    <a:pt x="193" y="78"/>
                  </a:cubicBezTo>
                  <a:cubicBezTo>
                    <a:pt x="202" y="78"/>
                    <a:pt x="209" y="71"/>
                    <a:pt x="209" y="62"/>
                  </a:cubicBezTo>
                  <a:cubicBezTo>
                    <a:pt x="209" y="52"/>
                    <a:pt x="202" y="45"/>
                    <a:pt x="193" y="45"/>
                  </a:cubicBezTo>
                  <a:close/>
                  <a:moveTo>
                    <a:pt x="148" y="45"/>
                  </a:moveTo>
                  <a:cubicBezTo>
                    <a:pt x="140" y="45"/>
                    <a:pt x="131" y="52"/>
                    <a:pt x="131" y="62"/>
                  </a:cubicBezTo>
                  <a:cubicBezTo>
                    <a:pt x="131" y="71"/>
                    <a:pt x="140" y="78"/>
                    <a:pt x="148" y="78"/>
                  </a:cubicBezTo>
                  <a:cubicBezTo>
                    <a:pt x="157" y="78"/>
                    <a:pt x="165" y="71"/>
                    <a:pt x="165" y="62"/>
                  </a:cubicBezTo>
                  <a:cubicBezTo>
                    <a:pt x="165" y="52"/>
                    <a:pt x="157" y="45"/>
                    <a:pt x="148" y="45"/>
                  </a:cubicBezTo>
                  <a:close/>
                  <a:moveTo>
                    <a:pt x="105" y="45"/>
                  </a:moveTo>
                  <a:cubicBezTo>
                    <a:pt x="95" y="45"/>
                    <a:pt x="88" y="52"/>
                    <a:pt x="88" y="62"/>
                  </a:cubicBezTo>
                  <a:cubicBezTo>
                    <a:pt x="88" y="71"/>
                    <a:pt x="95" y="78"/>
                    <a:pt x="105" y="78"/>
                  </a:cubicBezTo>
                  <a:cubicBezTo>
                    <a:pt x="114" y="78"/>
                    <a:pt x="121" y="71"/>
                    <a:pt x="121" y="62"/>
                  </a:cubicBezTo>
                  <a:cubicBezTo>
                    <a:pt x="121" y="52"/>
                    <a:pt x="114" y="45"/>
                    <a:pt x="105" y="45"/>
                  </a:cubicBezTo>
                  <a:close/>
                  <a:moveTo>
                    <a:pt x="281" y="0"/>
                  </a:moveTo>
                  <a:cubicBezTo>
                    <a:pt x="271" y="0"/>
                    <a:pt x="264" y="9"/>
                    <a:pt x="264" y="17"/>
                  </a:cubicBezTo>
                  <a:cubicBezTo>
                    <a:pt x="264" y="26"/>
                    <a:pt x="271" y="34"/>
                    <a:pt x="281" y="34"/>
                  </a:cubicBezTo>
                  <a:cubicBezTo>
                    <a:pt x="290" y="34"/>
                    <a:pt x="297" y="26"/>
                    <a:pt x="297" y="17"/>
                  </a:cubicBezTo>
                  <a:cubicBezTo>
                    <a:pt x="297" y="9"/>
                    <a:pt x="290" y="0"/>
                    <a:pt x="281" y="0"/>
                  </a:cubicBezTo>
                  <a:close/>
                  <a:moveTo>
                    <a:pt x="236" y="0"/>
                  </a:moveTo>
                  <a:cubicBezTo>
                    <a:pt x="228" y="0"/>
                    <a:pt x="220" y="9"/>
                    <a:pt x="220" y="17"/>
                  </a:cubicBezTo>
                  <a:cubicBezTo>
                    <a:pt x="220" y="26"/>
                    <a:pt x="228" y="34"/>
                    <a:pt x="236" y="34"/>
                  </a:cubicBezTo>
                  <a:cubicBezTo>
                    <a:pt x="245" y="34"/>
                    <a:pt x="253" y="26"/>
                    <a:pt x="253" y="17"/>
                  </a:cubicBezTo>
                  <a:cubicBezTo>
                    <a:pt x="253" y="9"/>
                    <a:pt x="245" y="0"/>
                    <a:pt x="236" y="0"/>
                  </a:cubicBezTo>
                  <a:close/>
                  <a:moveTo>
                    <a:pt x="193" y="0"/>
                  </a:moveTo>
                  <a:cubicBezTo>
                    <a:pt x="183" y="0"/>
                    <a:pt x="176" y="9"/>
                    <a:pt x="176" y="17"/>
                  </a:cubicBezTo>
                  <a:cubicBezTo>
                    <a:pt x="176" y="26"/>
                    <a:pt x="183" y="34"/>
                    <a:pt x="193" y="34"/>
                  </a:cubicBezTo>
                  <a:cubicBezTo>
                    <a:pt x="202" y="34"/>
                    <a:pt x="209" y="26"/>
                    <a:pt x="209" y="17"/>
                  </a:cubicBezTo>
                  <a:cubicBezTo>
                    <a:pt x="209" y="9"/>
                    <a:pt x="202" y="0"/>
                    <a:pt x="193" y="0"/>
                  </a:cubicBezTo>
                  <a:close/>
                  <a:moveTo>
                    <a:pt x="165" y="17"/>
                  </a:moveTo>
                  <a:cubicBezTo>
                    <a:pt x="165" y="26"/>
                    <a:pt x="157" y="34"/>
                    <a:pt x="148" y="34"/>
                  </a:cubicBezTo>
                  <a:cubicBezTo>
                    <a:pt x="140" y="34"/>
                    <a:pt x="131" y="26"/>
                    <a:pt x="131" y="17"/>
                  </a:cubicBezTo>
                  <a:cubicBezTo>
                    <a:pt x="131" y="9"/>
                    <a:pt x="140" y="0"/>
                    <a:pt x="148" y="0"/>
                  </a:cubicBezTo>
                  <a:cubicBezTo>
                    <a:pt x="157" y="0"/>
                    <a:pt x="165" y="9"/>
                    <a:pt x="165" y="17"/>
                  </a:cubicBez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nb-NO" dirty="0"/>
            </a:p>
          </p:txBody>
        </p:sp>
        <p:sp>
          <p:nvSpPr>
            <p:cNvPr id="33" name="Freeform 7">
              <a:extLst>
                <a:ext uri="{FF2B5EF4-FFF2-40B4-BE49-F238E27FC236}">
                  <a16:creationId xmlns:a16="http://schemas.microsoft.com/office/drawing/2014/main" id="{CEB56249-078E-489A-B6FF-19E242F52D0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904207" y="639618"/>
              <a:ext cx="5699793" cy="4372284"/>
            </a:xfrm>
            <a:custGeom>
              <a:avLst/>
              <a:gdLst>
                <a:gd name="T0" fmla="*/ 60 w 561"/>
                <a:gd name="T1" fmla="*/ 430 h 430"/>
                <a:gd name="T2" fmla="*/ 16 w 561"/>
                <a:gd name="T3" fmla="*/ 353 h 430"/>
                <a:gd name="T4" fmla="*/ 33 w 561"/>
                <a:gd name="T5" fmla="*/ 369 h 430"/>
                <a:gd name="T6" fmla="*/ 43 w 561"/>
                <a:gd name="T7" fmla="*/ 369 h 430"/>
                <a:gd name="T8" fmla="*/ 60 w 561"/>
                <a:gd name="T9" fmla="*/ 353 h 430"/>
                <a:gd name="T10" fmla="*/ 104 w 561"/>
                <a:gd name="T11" fmla="*/ 385 h 430"/>
                <a:gd name="T12" fmla="*/ 148 w 561"/>
                <a:gd name="T13" fmla="*/ 353 h 430"/>
                <a:gd name="T14" fmla="*/ 165 w 561"/>
                <a:gd name="T15" fmla="*/ 369 h 430"/>
                <a:gd name="T16" fmla="*/ 0 w 561"/>
                <a:gd name="T17" fmla="*/ 325 h 430"/>
                <a:gd name="T18" fmla="*/ 16 w 561"/>
                <a:gd name="T19" fmla="*/ 309 h 430"/>
                <a:gd name="T20" fmla="*/ 60 w 561"/>
                <a:gd name="T21" fmla="*/ 342 h 430"/>
                <a:gd name="T22" fmla="*/ 104 w 561"/>
                <a:gd name="T23" fmla="*/ 309 h 430"/>
                <a:gd name="T24" fmla="*/ 121 w 561"/>
                <a:gd name="T25" fmla="*/ 325 h 430"/>
                <a:gd name="T26" fmla="*/ 131 w 561"/>
                <a:gd name="T27" fmla="*/ 325 h 430"/>
                <a:gd name="T28" fmla="*/ 148 w 561"/>
                <a:gd name="T29" fmla="*/ 309 h 430"/>
                <a:gd name="T30" fmla="*/ 193 w 561"/>
                <a:gd name="T31" fmla="*/ 342 h 430"/>
                <a:gd name="T32" fmla="*/ 16 w 561"/>
                <a:gd name="T33" fmla="*/ 264 h 430"/>
                <a:gd name="T34" fmla="*/ 33 w 561"/>
                <a:gd name="T35" fmla="*/ 281 h 430"/>
                <a:gd name="T36" fmla="*/ 43 w 561"/>
                <a:gd name="T37" fmla="*/ 281 h 430"/>
                <a:gd name="T38" fmla="*/ 60 w 561"/>
                <a:gd name="T39" fmla="*/ 264 h 430"/>
                <a:gd name="T40" fmla="*/ 104 w 561"/>
                <a:gd name="T41" fmla="*/ 297 h 430"/>
                <a:gd name="T42" fmla="*/ 148 w 561"/>
                <a:gd name="T43" fmla="*/ 264 h 430"/>
                <a:gd name="T44" fmla="*/ 165 w 561"/>
                <a:gd name="T45" fmla="*/ 281 h 430"/>
                <a:gd name="T46" fmla="*/ 88 w 561"/>
                <a:gd name="T47" fmla="*/ 237 h 430"/>
                <a:gd name="T48" fmla="*/ 104 w 561"/>
                <a:gd name="T49" fmla="*/ 221 h 430"/>
                <a:gd name="T50" fmla="*/ 148 w 561"/>
                <a:gd name="T51" fmla="*/ 254 h 430"/>
                <a:gd name="T52" fmla="*/ 193 w 561"/>
                <a:gd name="T53" fmla="*/ 176 h 430"/>
                <a:gd name="T54" fmla="*/ 209 w 561"/>
                <a:gd name="T55" fmla="*/ 193 h 430"/>
                <a:gd name="T56" fmla="*/ 219 w 561"/>
                <a:gd name="T57" fmla="*/ 193 h 430"/>
                <a:gd name="T58" fmla="*/ 236 w 561"/>
                <a:gd name="T59" fmla="*/ 176 h 430"/>
                <a:gd name="T60" fmla="*/ 236 w 561"/>
                <a:gd name="T61" fmla="*/ 166 h 430"/>
                <a:gd name="T62" fmla="*/ 236 w 561"/>
                <a:gd name="T63" fmla="*/ 88 h 430"/>
                <a:gd name="T64" fmla="*/ 253 w 561"/>
                <a:gd name="T65" fmla="*/ 105 h 430"/>
                <a:gd name="T66" fmla="*/ 264 w 561"/>
                <a:gd name="T67" fmla="*/ 105 h 430"/>
                <a:gd name="T68" fmla="*/ 281 w 561"/>
                <a:gd name="T69" fmla="*/ 88 h 430"/>
                <a:gd name="T70" fmla="*/ 324 w 561"/>
                <a:gd name="T71" fmla="*/ 78 h 430"/>
                <a:gd name="T72" fmla="*/ 369 w 561"/>
                <a:gd name="T73" fmla="*/ 45 h 430"/>
                <a:gd name="T74" fmla="*/ 385 w 561"/>
                <a:gd name="T75" fmla="*/ 61 h 430"/>
                <a:gd name="T76" fmla="*/ 396 w 561"/>
                <a:gd name="T77" fmla="*/ 61 h 430"/>
                <a:gd name="T78" fmla="*/ 412 w 561"/>
                <a:gd name="T79" fmla="*/ 45 h 430"/>
                <a:gd name="T80" fmla="*/ 457 w 561"/>
                <a:gd name="T81" fmla="*/ 78 h 430"/>
                <a:gd name="T82" fmla="*/ 412 w 561"/>
                <a:gd name="T83" fmla="*/ 0 h 430"/>
                <a:gd name="T84" fmla="*/ 429 w 561"/>
                <a:gd name="T85" fmla="*/ 17 h 430"/>
                <a:gd name="T86" fmla="*/ 440 w 561"/>
                <a:gd name="T87" fmla="*/ 17 h 430"/>
                <a:gd name="T88" fmla="*/ 457 w 561"/>
                <a:gd name="T89" fmla="*/ 0 h 430"/>
                <a:gd name="T90" fmla="*/ 500 w 561"/>
                <a:gd name="T91" fmla="*/ 33 h 430"/>
                <a:gd name="T92" fmla="*/ 545 w 561"/>
                <a:gd name="T93" fmla="*/ 0 h 430"/>
                <a:gd name="T94" fmla="*/ 561 w 561"/>
                <a:gd name="T95" fmla="*/ 17 h 4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561" h="430">
                  <a:moveTo>
                    <a:pt x="60" y="397"/>
                  </a:moveTo>
                  <a:cubicBezTo>
                    <a:pt x="51" y="397"/>
                    <a:pt x="43" y="404"/>
                    <a:pt x="43" y="413"/>
                  </a:cubicBezTo>
                  <a:cubicBezTo>
                    <a:pt x="43" y="423"/>
                    <a:pt x="51" y="430"/>
                    <a:pt x="60" y="430"/>
                  </a:cubicBezTo>
                  <a:cubicBezTo>
                    <a:pt x="69" y="430"/>
                    <a:pt x="77" y="423"/>
                    <a:pt x="77" y="413"/>
                  </a:cubicBezTo>
                  <a:cubicBezTo>
                    <a:pt x="77" y="404"/>
                    <a:pt x="69" y="397"/>
                    <a:pt x="60" y="397"/>
                  </a:cubicBezTo>
                  <a:moveTo>
                    <a:pt x="16" y="353"/>
                  </a:moveTo>
                  <a:cubicBezTo>
                    <a:pt x="7" y="353"/>
                    <a:pt x="0" y="360"/>
                    <a:pt x="0" y="369"/>
                  </a:cubicBezTo>
                  <a:cubicBezTo>
                    <a:pt x="0" y="378"/>
                    <a:pt x="7" y="385"/>
                    <a:pt x="16" y="385"/>
                  </a:cubicBezTo>
                  <a:cubicBezTo>
                    <a:pt x="25" y="385"/>
                    <a:pt x="33" y="378"/>
                    <a:pt x="33" y="369"/>
                  </a:cubicBezTo>
                  <a:cubicBezTo>
                    <a:pt x="33" y="360"/>
                    <a:pt x="25" y="353"/>
                    <a:pt x="16" y="353"/>
                  </a:cubicBezTo>
                  <a:moveTo>
                    <a:pt x="60" y="353"/>
                  </a:moveTo>
                  <a:cubicBezTo>
                    <a:pt x="51" y="353"/>
                    <a:pt x="43" y="360"/>
                    <a:pt x="43" y="369"/>
                  </a:cubicBezTo>
                  <a:cubicBezTo>
                    <a:pt x="43" y="378"/>
                    <a:pt x="51" y="385"/>
                    <a:pt x="60" y="385"/>
                  </a:cubicBezTo>
                  <a:cubicBezTo>
                    <a:pt x="69" y="385"/>
                    <a:pt x="77" y="378"/>
                    <a:pt x="77" y="369"/>
                  </a:cubicBezTo>
                  <a:cubicBezTo>
                    <a:pt x="77" y="360"/>
                    <a:pt x="69" y="353"/>
                    <a:pt x="60" y="353"/>
                  </a:cubicBezTo>
                  <a:moveTo>
                    <a:pt x="104" y="353"/>
                  </a:moveTo>
                  <a:cubicBezTo>
                    <a:pt x="95" y="353"/>
                    <a:pt x="88" y="360"/>
                    <a:pt x="88" y="369"/>
                  </a:cubicBezTo>
                  <a:cubicBezTo>
                    <a:pt x="88" y="378"/>
                    <a:pt x="95" y="385"/>
                    <a:pt x="104" y="385"/>
                  </a:cubicBezTo>
                  <a:cubicBezTo>
                    <a:pt x="114" y="385"/>
                    <a:pt x="121" y="378"/>
                    <a:pt x="121" y="369"/>
                  </a:cubicBezTo>
                  <a:cubicBezTo>
                    <a:pt x="121" y="360"/>
                    <a:pt x="114" y="353"/>
                    <a:pt x="104" y="353"/>
                  </a:cubicBezTo>
                  <a:moveTo>
                    <a:pt x="148" y="353"/>
                  </a:moveTo>
                  <a:cubicBezTo>
                    <a:pt x="139" y="353"/>
                    <a:pt x="131" y="360"/>
                    <a:pt x="131" y="369"/>
                  </a:cubicBezTo>
                  <a:cubicBezTo>
                    <a:pt x="131" y="378"/>
                    <a:pt x="139" y="385"/>
                    <a:pt x="148" y="385"/>
                  </a:cubicBezTo>
                  <a:cubicBezTo>
                    <a:pt x="157" y="385"/>
                    <a:pt x="165" y="378"/>
                    <a:pt x="165" y="369"/>
                  </a:cubicBezTo>
                  <a:cubicBezTo>
                    <a:pt x="165" y="360"/>
                    <a:pt x="157" y="353"/>
                    <a:pt x="148" y="353"/>
                  </a:cubicBezTo>
                  <a:moveTo>
                    <a:pt x="16" y="309"/>
                  </a:moveTo>
                  <a:cubicBezTo>
                    <a:pt x="7" y="309"/>
                    <a:pt x="0" y="316"/>
                    <a:pt x="0" y="325"/>
                  </a:cubicBezTo>
                  <a:cubicBezTo>
                    <a:pt x="0" y="335"/>
                    <a:pt x="7" y="342"/>
                    <a:pt x="16" y="342"/>
                  </a:cubicBezTo>
                  <a:cubicBezTo>
                    <a:pt x="25" y="342"/>
                    <a:pt x="33" y="335"/>
                    <a:pt x="33" y="325"/>
                  </a:cubicBezTo>
                  <a:cubicBezTo>
                    <a:pt x="33" y="316"/>
                    <a:pt x="25" y="309"/>
                    <a:pt x="16" y="309"/>
                  </a:cubicBezTo>
                  <a:moveTo>
                    <a:pt x="60" y="309"/>
                  </a:moveTo>
                  <a:cubicBezTo>
                    <a:pt x="51" y="309"/>
                    <a:pt x="43" y="316"/>
                    <a:pt x="43" y="325"/>
                  </a:cubicBezTo>
                  <a:cubicBezTo>
                    <a:pt x="43" y="335"/>
                    <a:pt x="51" y="342"/>
                    <a:pt x="60" y="342"/>
                  </a:cubicBezTo>
                  <a:cubicBezTo>
                    <a:pt x="69" y="342"/>
                    <a:pt x="77" y="335"/>
                    <a:pt x="77" y="325"/>
                  </a:cubicBezTo>
                  <a:cubicBezTo>
                    <a:pt x="77" y="316"/>
                    <a:pt x="69" y="309"/>
                    <a:pt x="60" y="309"/>
                  </a:cubicBezTo>
                  <a:moveTo>
                    <a:pt x="104" y="309"/>
                  </a:moveTo>
                  <a:cubicBezTo>
                    <a:pt x="95" y="309"/>
                    <a:pt x="88" y="316"/>
                    <a:pt x="88" y="325"/>
                  </a:cubicBezTo>
                  <a:cubicBezTo>
                    <a:pt x="88" y="335"/>
                    <a:pt x="95" y="342"/>
                    <a:pt x="104" y="342"/>
                  </a:cubicBezTo>
                  <a:cubicBezTo>
                    <a:pt x="114" y="342"/>
                    <a:pt x="121" y="335"/>
                    <a:pt x="121" y="325"/>
                  </a:cubicBezTo>
                  <a:cubicBezTo>
                    <a:pt x="121" y="316"/>
                    <a:pt x="114" y="309"/>
                    <a:pt x="104" y="309"/>
                  </a:cubicBezTo>
                  <a:moveTo>
                    <a:pt x="148" y="309"/>
                  </a:moveTo>
                  <a:cubicBezTo>
                    <a:pt x="139" y="309"/>
                    <a:pt x="131" y="316"/>
                    <a:pt x="131" y="325"/>
                  </a:cubicBezTo>
                  <a:cubicBezTo>
                    <a:pt x="131" y="335"/>
                    <a:pt x="139" y="342"/>
                    <a:pt x="148" y="342"/>
                  </a:cubicBezTo>
                  <a:cubicBezTo>
                    <a:pt x="157" y="342"/>
                    <a:pt x="165" y="335"/>
                    <a:pt x="165" y="325"/>
                  </a:cubicBezTo>
                  <a:cubicBezTo>
                    <a:pt x="165" y="316"/>
                    <a:pt x="157" y="309"/>
                    <a:pt x="148" y="309"/>
                  </a:cubicBezTo>
                  <a:moveTo>
                    <a:pt x="193" y="309"/>
                  </a:moveTo>
                  <a:cubicBezTo>
                    <a:pt x="183" y="309"/>
                    <a:pt x="176" y="316"/>
                    <a:pt x="176" y="325"/>
                  </a:cubicBezTo>
                  <a:cubicBezTo>
                    <a:pt x="176" y="335"/>
                    <a:pt x="183" y="342"/>
                    <a:pt x="193" y="342"/>
                  </a:cubicBezTo>
                  <a:cubicBezTo>
                    <a:pt x="202" y="342"/>
                    <a:pt x="209" y="335"/>
                    <a:pt x="209" y="325"/>
                  </a:cubicBezTo>
                  <a:cubicBezTo>
                    <a:pt x="209" y="316"/>
                    <a:pt x="202" y="309"/>
                    <a:pt x="193" y="309"/>
                  </a:cubicBezTo>
                  <a:moveTo>
                    <a:pt x="16" y="264"/>
                  </a:moveTo>
                  <a:cubicBezTo>
                    <a:pt x="7" y="264"/>
                    <a:pt x="0" y="273"/>
                    <a:pt x="0" y="281"/>
                  </a:cubicBezTo>
                  <a:cubicBezTo>
                    <a:pt x="0" y="290"/>
                    <a:pt x="7" y="297"/>
                    <a:pt x="16" y="297"/>
                  </a:cubicBezTo>
                  <a:cubicBezTo>
                    <a:pt x="25" y="297"/>
                    <a:pt x="33" y="290"/>
                    <a:pt x="33" y="281"/>
                  </a:cubicBezTo>
                  <a:cubicBezTo>
                    <a:pt x="33" y="273"/>
                    <a:pt x="25" y="264"/>
                    <a:pt x="16" y="264"/>
                  </a:cubicBezTo>
                  <a:moveTo>
                    <a:pt x="60" y="264"/>
                  </a:moveTo>
                  <a:cubicBezTo>
                    <a:pt x="51" y="264"/>
                    <a:pt x="43" y="273"/>
                    <a:pt x="43" y="281"/>
                  </a:cubicBezTo>
                  <a:cubicBezTo>
                    <a:pt x="43" y="290"/>
                    <a:pt x="51" y="297"/>
                    <a:pt x="60" y="297"/>
                  </a:cubicBezTo>
                  <a:cubicBezTo>
                    <a:pt x="69" y="297"/>
                    <a:pt x="77" y="290"/>
                    <a:pt x="77" y="281"/>
                  </a:cubicBezTo>
                  <a:cubicBezTo>
                    <a:pt x="77" y="273"/>
                    <a:pt x="69" y="264"/>
                    <a:pt x="60" y="264"/>
                  </a:cubicBezTo>
                  <a:moveTo>
                    <a:pt x="104" y="264"/>
                  </a:moveTo>
                  <a:cubicBezTo>
                    <a:pt x="95" y="264"/>
                    <a:pt x="88" y="273"/>
                    <a:pt x="88" y="281"/>
                  </a:cubicBezTo>
                  <a:cubicBezTo>
                    <a:pt x="88" y="290"/>
                    <a:pt x="95" y="297"/>
                    <a:pt x="104" y="297"/>
                  </a:cubicBezTo>
                  <a:cubicBezTo>
                    <a:pt x="114" y="297"/>
                    <a:pt x="121" y="290"/>
                    <a:pt x="121" y="281"/>
                  </a:cubicBezTo>
                  <a:cubicBezTo>
                    <a:pt x="121" y="273"/>
                    <a:pt x="114" y="264"/>
                    <a:pt x="104" y="264"/>
                  </a:cubicBezTo>
                  <a:moveTo>
                    <a:pt x="148" y="264"/>
                  </a:moveTo>
                  <a:cubicBezTo>
                    <a:pt x="139" y="264"/>
                    <a:pt x="131" y="273"/>
                    <a:pt x="131" y="281"/>
                  </a:cubicBezTo>
                  <a:cubicBezTo>
                    <a:pt x="131" y="290"/>
                    <a:pt x="139" y="297"/>
                    <a:pt x="148" y="297"/>
                  </a:cubicBezTo>
                  <a:cubicBezTo>
                    <a:pt x="157" y="297"/>
                    <a:pt x="165" y="290"/>
                    <a:pt x="165" y="281"/>
                  </a:cubicBezTo>
                  <a:cubicBezTo>
                    <a:pt x="165" y="273"/>
                    <a:pt x="157" y="264"/>
                    <a:pt x="148" y="264"/>
                  </a:cubicBezTo>
                  <a:moveTo>
                    <a:pt x="104" y="221"/>
                  </a:moveTo>
                  <a:cubicBezTo>
                    <a:pt x="95" y="221"/>
                    <a:pt x="88" y="228"/>
                    <a:pt x="88" y="237"/>
                  </a:cubicBezTo>
                  <a:cubicBezTo>
                    <a:pt x="88" y="247"/>
                    <a:pt x="95" y="254"/>
                    <a:pt x="104" y="254"/>
                  </a:cubicBezTo>
                  <a:cubicBezTo>
                    <a:pt x="114" y="254"/>
                    <a:pt x="121" y="247"/>
                    <a:pt x="121" y="237"/>
                  </a:cubicBezTo>
                  <a:cubicBezTo>
                    <a:pt x="121" y="228"/>
                    <a:pt x="114" y="221"/>
                    <a:pt x="104" y="221"/>
                  </a:cubicBezTo>
                  <a:moveTo>
                    <a:pt x="148" y="221"/>
                  </a:moveTo>
                  <a:cubicBezTo>
                    <a:pt x="139" y="221"/>
                    <a:pt x="131" y="228"/>
                    <a:pt x="131" y="237"/>
                  </a:cubicBezTo>
                  <a:cubicBezTo>
                    <a:pt x="131" y="247"/>
                    <a:pt x="139" y="254"/>
                    <a:pt x="148" y="254"/>
                  </a:cubicBezTo>
                  <a:cubicBezTo>
                    <a:pt x="157" y="254"/>
                    <a:pt x="165" y="247"/>
                    <a:pt x="165" y="237"/>
                  </a:cubicBezTo>
                  <a:cubicBezTo>
                    <a:pt x="165" y="228"/>
                    <a:pt x="157" y="221"/>
                    <a:pt x="148" y="221"/>
                  </a:cubicBezTo>
                  <a:moveTo>
                    <a:pt x="193" y="176"/>
                  </a:moveTo>
                  <a:cubicBezTo>
                    <a:pt x="183" y="176"/>
                    <a:pt x="176" y="185"/>
                    <a:pt x="176" y="193"/>
                  </a:cubicBezTo>
                  <a:cubicBezTo>
                    <a:pt x="176" y="202"/>
                    <a:pt x="183" y="209"/>
                    <a:pt x="193" y="209"/>
                  </a:cubicBezTo>
                  <a:cubicBezTo>
                    <a:pt x="202" y="209"/>
                    <a:pt x="209" y="202"/>
                    <a:pt x="209" y="193"/>
                  </a:cubicBezTo>
                  <a:cubicBezTo>
                    <a:pt x="209" y="185"/>
                    <a:pt x="202" y="176"/>
                    <a:pt x="193" y="176"/>
                  </a:cubicBezTo>
                  <a:moveTo>
                    <a:pt x="236" y="176"/>
                  </a:moveTo>
                  <a:cubicBezTo>
                    <a:pt x="227" y="176"/>
                    <a:pt x="219" y="185"/>
                    <a:pt x="219" y="193"/>
                  </a:cubicBezTo>
                  <a:cubicBezTo>
                    <a:pt x="219" y="202"/>
                    <a:pt x="227" y="209"/>
                    <a:pt x="236" y="209"/>
                  </a:cubicBezTo>
                  <a:cubicBezTo>
                    <a:pt x="245" y="209"/>
                    <a:pt x="253" y="202"/>
                    <a:pt x="253" y="193"/>
                  </a:cubicBezTo>
                  <a:cubicBezTo>
                    <a:pt x="253" y="185"/>
                    <a:pt x="245" y="176"/>
                    <a:pt x="236" y="176"/>
                  </a:cubicBezTo>
                  <a:moveTo>
                    <a:pt x="236" y="133"/>
                  </a:moveTo>
                  <a:cubicBezTo>
                    <a:pt x="227" y="133"/>
                    <a:pt x="219" y="140"/>
                    <a:pt x="219" y="149"/>
                  </a:cubicBezTo>
                  <a:cubicBezTo>
                    <a:pt x="219" y="159"/>
                    <a:pt x="227" y="166"/>
                    <a:pt x="236" y="166"/>
                  </a:cubicBezTo>
                  <a:cubicBezTo>
                    <a:pt x="245" y="166"/>
                    <a:pt x="253" y="159"/>
                    <a:pt x="253" y="149"/>
                  </a:cubicBezTo>
                  <a:cubicBezTo>
                    <a:pt x="253" y="140"/>
                    <a:pt x="245" y="133"/>
                    <a:pt x="236" y="133"/>
                  </a:cubicBezTo>
                  <a:moveTo>
                    <a:pt x="236" y="88"/>
                  </a:moveTo>
                  <a:cubicBezTo>
                    <a:pt x="227" y="88"/>
                    <a:pt x="219" y="97"/>
                    <a:pt x="219" y="105"/>
                  </a:cubicBezTo>
                  <a:cubicBezTo>
                    <a:pt x="219" y="114"/>
                    <a:pt x="227" y="121"/>
                    <a:pt x="236" y="121"/>
                  </a:cubicBezTo>
                  <a:cubicBezTo>
                    <a:pt x="245" y="121"/>
                    <a:pt x="253" y="114"/>
                    <a:pt x="253" y="105"/>
                  </a:cubicBezTo>
                  <a:cubicBezTo>
                    <a:pt x="253" y="97"/>
                    <a:pt x="245" y="88"/>
                    <a:pt x="236" y="88"/>
                  </a:cubicBezTo>
                  <a:moveTo>
                    <a:pt x="281" y="88"/>
                  </a:moveTo>
                  <a:cubicBezTo>
                    <a:pt x="271" y="88"/>
                    <a:pt x="264" y="97"/>
                    <a:pt x="264" y="105"/>
                  </a:cubicBezTo>
                  <a:cubicBezTo>
                    <a:pt x="264" y="114"/>
                    <a:pt x="271" y="121"/>
                    <a:pt x="281" y="121"/>
                  </a:cubicBezTo>
                  <a:cubicBezTo>
                    <a:pt x="290" y="121"/>
                    <a:pt x="297" y="114"/>
                    <a:pt x="297" y="105"/>
                  </a:cubicBezTo>
                  <a:cubicBezTo>
                    <a:pt x="297" y="97"/>
                    <a:pt x="290" y="88"/>
                    <a:pt x="281" y="88"/>
                  </a:cubicBezTo>
                  <a:moveTo>
                    <a:pt x="324" y="45"/>
                  </a:moveTo>
                  <a:cubicBezTo>
                    <a:pt x="316" y="45"/>
                    <a:pt x="307" y="52"/>
                    <a:pt x="307" y="61"/>
                  </a:cubicBezTo>
                  <a:cubicBezTo>
                    <a:pt x="307" y="71"/>
                    <a:pt x="316" y="78"/>
                    <a:pt x="324" y="78"/>
                  </a:cubicBezTo>
                  <a:cubicBezTo>
                    <a:pt x="333" y="78"/>
                    <a:pt x="341" y="71"/>
                    <a:pt x="341" y="61"/>
                  </a:cubicBezTo>
                  <a:cubicBezTo>
                    <a:pt x="341" y="52"/>
                    <a:pt x="333" y="45"/>
                    <a:pt x="324" y="45"/>
                  </a:cubicBezTo>
                  <a:moveTo>
                    <a:pt x="369" y="45"/>
                  </a:moveTo>
                  <a:cubicBezTo>
                    <a:pt x="359" y="45"/>
                    <a:pt x="352" y="52"/>
                    <a:pt x="352" y="61"/>
                  </a:cubicBezTo>
                  <a:cubicBezTo>
                    <a:pt x="352" y="71"/>
                    <a:pt x="359" y="78"/>
                    <a:pt x="369" y="78"/>
                  </a:cubicBezTo>
                  <a:cubicBezTo>
                    <a:pt x="378" y="78"/>
                    <a:pt x="385" y="71"/>
                    <a:pt x="385" y="61"/>
                  </a:cubicBezTo>
                  <a:cubicBezTo>
                    <a:pt x="385" y="52"/>
                    <a:pt x="378" y="45"/>
                    <a:pt x="369" y="45"/>
                  </a:cubicBezTo>
                  <a:moveTo>
                    <a:pt x="412" y="45"/>
                  </a:moveTo>
                  <a:cubicBezTo>
                    <a:pt x="404" y="45"/>
                    <a:pt x="396" y="52"/>
                    <a:pt x="396" y="61"/>
                  </a:cubicBezTo>
                  <a:cubicBezTo>
                    <a:pt x="396" y="71"/>
                    <a:pt x="404" y="78"/>
                    <a:pt x="412" y="78"/>
                  </a:cubicBezTo>
                  <a:cubicBezTo>
                    <a:pt x="421" y="78"/>
                    <a:pt x="429" y="71"/>
                    <a:pt x="429" y="61"/>
                  </a:cubicBezTo>
                  <a:cubicBezTo>
                    <a:pt x="429" y="52"/>
                    <a:pt x="421" y="45"/>
                    <a:pt x="412" y="45"/>
                  </a:cubicBezTo>
                  <a:moveTo>
                    <a:pt x="457" y="45"/>
                  </a:moveTo>
                  <a:cubicBezTo>
                    <a:pt x="447" y="45"/>
                    <a:pt x="440" y="52"/>
                    <a:pt x="440" y="61"/>
                  </a:cubicBezTo>
                  <a:cubicBezTo>
                    <a:pt x="440" y="71"/>
                    <a:pt x="447" y="78"/>
                    <a:pt x="457" y="78"/>
                  </a:cubicBezTo>
                  <a:cubicBezTo>
                    <a:pt x="466" y="78"/>
                    <a:pt x="473" y="71"/>
                    <a:pt x="473" y="61"/>
                  </a:cubicBezTo>
                  <a:cubicBezTo>
                    <a:pt x="473" y="52"/>
                    <a:pt x="466" y="45"/>
                    <a:pt x="457" y="45"/>
                  </a:cubicBezTo>
                  <a:moveTo>
                    <a:pt x="412" y="0"/>
                  </a:moveTo>
                  <a:cubicBezTo>
                    <a:pt x="404" y="0"/>
                    <a:pt x="396" y="9"/>
                    <a:pt x="396" y="17"/>
                  </a:cubicBezTo>
                  <a:cubicBezTo>
                    <a:pt x="396" y="26"/>
                    <a:pt x="404" y="33"/>
                    <a:pt x="412" y="33"/>
                  </a:cubicBezTo>
                  <a:cubicBezTo>
                    <a:pt x="421" y="33"/>
                    <a:pt x="429" y="26"/>
                    <a:pt x="429" y="17"/>
                  </a:cubicBezTo>
                  <a:cubicBezTo>
                    <a:pt x="429" y="9"/>
                    <a:pt x="421" y="0"/>
                    <a:pt x="412" y="0"/>
                  </a:cubicBezTo>
                  <a:moveTo>
                    <a:pt x="457" y="0"/>
                  </a:moveTo>
                  <a:cubicBezTo>
                    <a:pt x="447" y="0"/>
                    <a:pt x="440" y="9"/>
                    <a:pt x="440" y="17"/>
                  </a:cubicBezTo>
                  <a:cubicBezTo>
                    <a:pt x="440" y="26"/>
                    <a:pt x="447" y="33"/>
                    <a:pt x="457" y="33"/>
                  </a:cubicBezTo>
                  <a:cubicBezTo>
                    <a:pt x="466" y="33"/>
                    <a:pt x="473" y="26"/>
                    <a:pt x="473" y="17"/>
                  </a:cubicBezTo>
                  <a:cubicBezTo>
                    <a:pt x="473" y="9"/>
                    <a:pt x="466" y="0"/>
                    <a:pt x="457" y="0"/>
                  </a:cubicBezTo>
                  <a:moveTo>
                    <a:pt x="500" y="0"/>
                  </a:moveTo>
                  <a:cubicBezTo>
                    <a:pt x="492" y="0"/>
                    <a:pt x="484" y="9"/>
                    <a:pt x="484" y="17"/>
                  </a:cubicBezTo>
                  <a:cubicBezTo>
                    <a:pt x="484" y="26"/>
                    <a:pt x="492" y="33"/>
                    <a:pt x="500" y="33"/>
                  </a:cubicBezTo>
                  <a:cubicBezTo>
                    <a:pt x="509" y="33"/>
                    <a:pt x="517" y="26"/>
                    <a:pt x="517" y="17"/>
                  </a:cubicBezTo>
                  <a:cubicBezTo>
                    <a:pt x="517" y="9"/>
                    <a:pt x="509" y="0"/>
                    <a:pt x="500" y="0"/>
                  </a:cubicBezTo>
                  <a:moveTo>
                    <a:pt x="545" y="0"/>
                  </a:moveTo>
                  <a:cubicBezTo>
                    <a:pt x="535" y="0"/>
                    <a:pt x="528" y="9"/>
                    <a:pt x="528" y="17"/>
                  </a:cubicBezTo>
                  <a:cubicBezTo>
                    <a:pt x="528" y="26"/>
                    <a:pt x="535" y="33"/>
                    <a:pt x="545" y="33"/>
                  </a:cubicBezTo>
                  <a:cubicBezTo>
                    <a:pt x="554" y="33"/>
                    <a:pt x="561" y="26"/>
                    <a:pt x="561" y="17"/>
                  </a:cubicBezTo>
                  <a:cubicBezTo>
                    <a:pt x="561" y="9"/>
                    <a:pt x="554" y="0"/>
                    <a:pt x="545" y="0"/>
                  </a:cubicBezTo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nb-NO" dirty="0"/>
            </a:p>
          </p:txBody>
        </p:sp>
      </p:grpSp>
      <p:pic>
        <p:nvPicPr>
          <p:cNvPr id="8" name="Plassholder for innhold 44">
            <a:extLst>
              <a:ext uri="{FF2B5EF4-FFF2-40B4-BE49-F238E27FC236}">
                <a16:creationId xmlns:a16="http://schemas.microsoft.com/office/drawing/2014/main" id="{BD718FDF-A92F-D03B-B79A-64F490BD355F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0532" r="17408"/>
          <a:stretch/>
        </p:blipFill>
        <p:spPr>
          <a:xfrm>
            <a:off x="1805870" y="2538202"/>
            <a:ext cx="2268405" cy="3600000"/>
          </a:xfrm>
          <a:prstGeom prst="rect">
            <a:avLst/>
          </a:prstGeom>
        </p:spPr>
      </p:pic>
      <p:pic>
        <p:nvPicPr>
          <p:cNvPr id="9" name="Plassholder for innhold 46">
            <a:extLst>
              <a:ext uri="{FF2B5EF4-FFF2-40B4-BE49-F238E27FC236}">
                <a16:creationId xmlns:a16="http://schemas.microsoft.com/office/drawing/2014/main" id="{7D75F977-1C0C-A9DB-029D-ED14CBA87540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9005" t="3768" r="493"/>
          <a:stretch/>
        </p:blipFill>
        <p:spPr>
          <a:xfrm>
            <a:off x="4652257" y="2539553"/>
            <a:ext cx="2269908" cy="3600000"/>
          </a:xfrm>
          <a:prstGeom prst="rect">
            <a:avLst/>
          </a:prstGeom>
        </p:spPr>
      </p:pic>
      <p:pic>
        <p:nvPicPr>
          <p:cNvPr id="10" name="Content Placeholder 12">
            <a:extLst>
              <a:ext uri="{FF2B5EF4-FFF2-40B4-BE49-F238E27FC236}">
                <a16:creationId xmlns:a16="http://schemas.microsoft.com/office/drawing/2014/main" id="{4CCD0449-5F95-CBB7-810A-4C7506ED947F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939" r="36217"/>
          <a:stretch/>
        </p:blipFill>
        <p:spPr>
          <a:xfrm>
            <a:off x="7496232" y="2523562"/>
            <a:ext cx="2256763" cy="3600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996517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DFD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A0432F9-A9EB-6AB3-AE51-D3BB2759B4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Veidekke i Lenschows-prosjektet</a:t>
            </a:r>
          </a:p>
        </p:txBody>
      </p:sp>
      <p:graphicFrame>
        <p:nvGraphicFramePr>
          <p:cNvPr id="8" name="Plassholder for innhold 7">
            <a:extLst>
              <a:ext uri="{FF2B5EF4-FFF2-40B4-BE49-F238E27FC236}">
                <a16:creationId xmlns:a16="http://schemas.microsoft.com/office/drawing/2014/main" id="{7CCB22D1-E8C7-D9C4-BEA6-2CE852495879}"/>
              </a:ext>
            </a:extLst>
          </p:cNvPr>
          <p:cNvGraphicFramePr>
            <a:graphicFrameLocks noGrp="1"/>
          </p:cNvGraphicFramePr>
          <p:nvPr>
            <p:ph sz="quarter" idx="14"/>
            <p:extLst>
              <p:ext uri="{D42A27DB-BD31-4B8C-83A1-F6EECF244321}">
                <p14:modId xmlns:p14="http://schemas.microsoft.com/office/powerpoint/2010/main" val="3323474805"/>
              </p:ext>
            </p:extLst>
          </p:nvPr>
        </p:nvGraphicFramePr>
        <p:xfrm>
          <a:off x="5569257" y="1642161"/>
          <a:ext cx="2604600" cy="4165276"/>
        </p:xfrm>
        <a:graphic>
          <a:graphicData uri="http://schemas.openxmlformats.org/drawingml/2006/table">
            <a:tbl>
              <a:tblPr/>
              <a:tblGrid>
                <a:gridCol w="1114271">
                  <a:extLst>
                    <a:ext uri="{9D8B030D-6E8A-4147-A177-3AD203B41FA5}">
                      <a16:colId xmlns:a16="http://schemas.microsoft.com/office/drawing/2014/main" val="3412668488"/>
                    </a:ext>
                  </a:extLst>
                </a:gridCol>
                <a:gridCol w="1490329">
                  <a:extLst>
                    <a:ext uri="{9D8B030D-6E8A-4147-A177-3AD203B41FA5}">
                      <a16:colId xmlns:a16="http://schemas.microsoft.com/office/drawing/2014/main" val="1414697824"/>
                    </a:ext>
                  </a:extLst>
                </a:gridCol>
              </a:tblGrid>
              <a:tr h="250278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1" i="0" u="none" strike="noStrike" dirty="0">
                          <a:solidFill>
                            <a:srgbClr val="FFFFFF"/>
                          </a:solidFill>
                          <a:effectLst/>
                          <a:latin typeface="Veidekke Favorit Offc" panose="020B0504030202060203" pitchFamily="34" charset="0"/>
                        </a:rPr>
                        <a:t>FAG</a:t>
                      </a:r>
                      <a:r>
                        <a:rPr lang="nb-NO" sz="700" b="1" i="0" dirty="0">
                          <a:solidFill>
                            <a:srgbClr val="FFFFFF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1" i="0" dirty="0">
                        <a:solidFill>
                          <a:srgbClr val="FFFFFF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9337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1" i="0" u="none" strike="noStrike" dirty="0">
                          <a:solidFill>
                            <a:srgbClr val="FFFFFF"/>
                          </a:solidFill>
                          <a:effectLst/>
                          <a:latin typeface="Veidekke Favorit Offc" panose="020B0504030202060203" pitchFamily="34" charset="0"/>
                        </a:rPr>
                        <a:t>FIRMA</a:t>
                      </a:r>
                      <a:r>
                        <a:rPr lang="nb-NO" sz="700" b="1" i="0" dirty="0">
                          <a:solidFill>
                            <a:srgbClr val="FFFFFF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1" i="0" dirty="0">
                        <a:solidFill>
                          <a:srgbClr val="FFFFFF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9337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11060102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Arkitekt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9337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VIGSNÆS + KOSBERG ++ ARKITEKTER</a:t>
                      </a:r>
                      <a:r>
                        <a:rPr lang="nb-NO" sz="700" b="0" i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9337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58160939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Byggeteknikk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AFRY</a:t>
                      </a:r>
                      <a:r>
                        <a:rPr lang="nb-NO" sz="700" b="0" i="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66280521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Landskapsarkitekt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SWECO NORGE</a:t>
                      </a:r>
                      <a:r>
                        <a:rPr lang="nb-NO" sz="700" b="0" i="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26737876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Vann og avløp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Rambøll</a:t>
                      </a:r>
                      <a:r>
                        <a:rPr lang="nb-NO" sz="700" b="0" i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25029927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Geoteknikk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Gaia Geoteknikk</a:t>
                      </a:r>
                      <a:r>
                        <a:rPr lang="nb-NO" sz="700" b="0" i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87681627"/>
                  </a:ext>
                </a:extLst>
              </a:tr>
              <a:tr h="284406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Brannkonsulent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Rambøll</a:t>
                      </a:r>
                      <a:r>
                        <a:rPr lang="nb-NO" sz="700" b="0" i="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04410216"/>
                  </a:ext>
                </a:extLst>
              </a:tr>
              <a:tr h="27302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Bygningsfysikk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Multiconsult</a:t>
                      </a:r>
                      <a:r>
                        <a:rPr lang="nb-NO" sz="700" b="0" i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62674603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Akustiker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Brekke og Strand</a:t>
                      </a:r>
                      <a:r>
                        <a:rPr lang="nb-NO" sz="700" b="0" i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7347576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Veg- avkjørselsplan</a:t>
                      </a:r>
                      <a:r>
                        <a:rPr lang="nb-NO" sz="800" b="1" i="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SWECO NORGE</a:t>
                      </a:r>
                      <a:r>
                        <a:rPr lang="nb-NO" sz="700" b="0" i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40148586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Miljø - grunn</a:t>
                      </a:r>
                      <a:r>
                        <a:rPr lang="nb-NO" sz="800" b="1" i="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STRUCTOR OSLO</a:t>
                      </a:r>
                      <a:r>
                        <a:rPr lang="nb-NO" sz="700" b="0" i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47284174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Oppmålingsteknisk</a:t>
                      </a:r>
                      <a:r>
                        <a:rPr lang="nb-NO" sz="800" b="1" i="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EXACT GEO SURVEY</a:t>
                      </a:r>
                      <a:r>
                        <a:rPr lang="nb-NO" sz="700" b="0" i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3829916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Rør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VVS Kontakten</a:t>
                      </a:r>
                      <a:r>
                        <a:rPr lang="nb-NO" sz="700" b="0" i="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8977836"/>
                  </a:ext>
                </a:extLst>
              </a:tr>
              <a:tr h="179342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Elektro</a:t>
                      </a:r>
                      <a:r>
                        <a:rPr lang="nb-NO" sz="800" b="1" i="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Elektrokontakten </a:t>
                      </a:r>
                      <a:r>
                        <a:rPr lang="nb-NO" sz="700" b="0" i="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85609009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Ventilasjon</a:t>
                      </a:r>
                      <a:endParaRPr lang="nb-NO" sz="1700" b="1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ase">
                        <a:lnSpc>
                          <a:spcPts val="750"/>
                        </a:lnSpc>
                        <a:buNone/>
                      </a:pPr>
                      <a:r>
                        <a:rPr lang="nb-NO" sz="7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Gupex</a:t>
                      </a:r>
                      <a:r>
                        <a:rPr lang="nb-NO" sz="700" b="0" i="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</a:rPr>
                        <a:t>​</a:t>
                      </a:r>
                      <a:endParaRPr lang="nb-NO" sz="1700" b="0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19094456"/>
                  </a:ext>
                </a:extLst>
              </a:tr>
              <a:tr h="261657">
                <a:tc>
                  <a:txBody>
                    <a:bodyPr/>
                    <a:lstStyle/>
                    <a:p>
                      <a:pPr marL="0" algn="l" defTabSz="914400" rtl="0" eaLnBrk="1" fontAlgn="base" latinLnBrk="0" hangingPunct="1">
                        <a:lnSpc>
                          <a:spcPts val="825"/>
                        </a:lnSpc>
                        <a:buNone/>
                      </a:pPr>
                      <a:r>
                        <a:rPr lang="nb-NO" sz="800" b="1" i="0" u="none" strike="noStrike" kern="120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  <a:ea typeface="+mn-ea"/>
                          <a:cs typeface="+mn-cs"/>
                        </a:rPr>
                        <a:t>Ingeniørgeolog</a:t>
                      </a: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fontAlgn="base" latinLnBrk="0" hangingPunct="1">
                        <a:lnSpc>
                          <a:spcPts val="825"/>
                        </a:lnSpc>
                        <a:buNone/>
                      </a:pPr>
                      <a:r>
                        <a:rPr lang="nb-NO" sz="8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Veidekke Favorit Offc" panose="020B0504030202060203" pitchFamily="34" charset="0"/>
                          <a:ea typeface="+mn-ea"/>
                          <a:cs typeface="+mn-cs"/>
                        </a:rPr>
                        <a:t>Multiconsult</a:t>
                      </a:r>
                    </a:p>
                  </a:txBody>
                  <a:tcPr marL="84095" marR="84095" marT="42047" marB="42047" anchor="ctr">
                    <a:lnL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773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97346389"/>
                  </a:ext>
                </a:extLst>
              </a:tr>
            </a:tbl>
          </a:graphicData>
        </a:graphic>
      </p:graphicFrame>
      <p:sp>
        <p:nvSpPr>
          <p:cNvPr id="2" name="Platshållare för bildnummer 1">
            <a:extLst>
              <a:ext uri="{FF2B5EF4-FFF2-40B4-BE49-F238E27FC236}">
                <a16:creationId xmlns:a16="http://schemas.microsoft.com/office/drawing/2014/main" id="{D3751085-0B9B-5BDE-DD42-07D8F3126C1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/>
          <a:lstStyle/>
          <a:p>
            <a:fld id="{24C8C45C-947F-4981-8B3F-4F32E973C901}" type="slidenum">
              <a:rPr lang="nb-NO" smtClean="0"/>
              <a:pPr/>
              <a:t>3</a:t>
            </a:fld>
            <a:endParaRPr lang="nb-NO" dirty="0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49B57BFE-7D31-2F2D-8BFE-D31DAE322D0D}"/>
              </a:ext>
            </a:extLst>
          </p:cNvPr>
          <p:cNvSpPr txBox="1"/>
          <p:nvPr/>
        </p:nvSpPr>
        <p:spPr>
          <a:xfrm>
            <a:off x="792000" y="1866400"/>
            <a:ext cx="4675350" cy="33085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 dirty="0">
                <a:solidFill>
                  <a:schemeClr val="tx2"/>
                </a:solidFill>
              </a:rPr>
              <a:t>Vært med på prosjektet siden mars 2025</a:t>
            </a:r>
          </a:p>
          <a:p>
            <a:pPr algn="l">
              <a:spcAft>
                <a:spcPts val="600"/>
              </a:spcAft>
            </a:pPr>
            <a:r>
              <a:rPr lang="nb-NO" dirty="0">
                <a:solidFill>
                  <a:schemeClr val="tx2"/>
                </a:solidFill>
              </a:rPr>
              <a:t>Startet for fullt med detaljprosjektering i februar 2026 og </a:t>
            </a:r>
            <a:r>
              <a:rPr lang="nb-NO" dirty="0" err="1">
                <a:solidFill>
                  <a:schemeClr val="tx2"/>
                </a:solidFill>
              </a:rPr>
              <a:t>riving</a:t>
            </a:r>
            <a:r>
              <a:rPr lang="nb-NO" dirty="0">
                <a:solidFill>
                  <a:schemeClr val="tx2"/>
                </a:solidFill>
              </a:rPr>
              <a:t> i mai 2026</a:t>
            </a:r>
          </a:p>
          <a:p>
            <a:pPr algn="l">
              <a:spcAft>
                <a:spcPts val="600"/>
              </a:spcAft>
            </a:pPr>
            <a:endParaRPr lang="nb-NO" dirty="0">
              <a:solidFill>
                <a:schemeClr val="tx2"/>
              </a:solidFill>
            </a:endParaRPr>
          </a:p>
          <a:p>
            <a:pPr algn="l">
              <a:spcAft>
                <a:spcPts val="600"/>
              </a:spcAft>
            </a:pPr>
            <a:r>
              <a:rPr lang="nb-NO" dirty="0">
                <a:solidFill>
                  <a:schemeClr val="tx2"/>
                </a:solidFill>
              </a:rPr>
              <a:t>Totalentreprise 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nb-NO" dirty="0">
                <a:solidFill>
                  <a:schemeClr val="tx2"/>
                </a:solidFill>
              </a:rPr>
              <a:t>Ansatt av byggherre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nb-NO" dirty="0">
                <a:solidFill>
                  <a:schemeClr val="tx2"/>
                </a:solidFill>
              </a:rPr>
              <a:t>Ansvarlig for utførelse og detaljprosjektering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nb-NO" dirty="0">
                <a:solidFill>
                  <a:schemeClr val="tx2"/>
                </a:solidFill>
              </a:rPr>
              <a:t>Ca. 30 </a:t>
            </a:r>
            <a:r>
              <a:rPr lang="nb-NO" dirty="0" err="1">
                <a:solidFill>
                  <a:schemeClr val="tx2"/>
                </a:solidFill>
              </a:rPr>
              <a:t>stk</a:t>
            </a:r>
            <a:r>
              <a:rPr lang="nb-NO" dirty="0">
                <a:solidFill>
                  <a:schemeClr val="tx2"/>
                </a:solidFill>
              </a:rPr>
              <a:t> i prosjekteringsgruppen</a:t>
            </a:r>
          </a:p>
          <a:p>
            <a:pPr algn="l">
              <a:spcAft>
                <a:spcPts val="600"/>
              </a:spcAft>
            </a:pPr>
            <a:endParaRPr lang="nb-NO" dirty="0">
              <a:solidFill>
                <a:schemeClr val="tx2"/>
              </a:solidFill>
            </a:endParaRPr>
          </a:p>
        </p:txBody>
      </p:sp>
      <p:pic>
        <p:nvPicPr>
          <p:cNvPr id="11" name="Bilde 10">
            <a:extLst>
              <a:ext uri="{FF2B5EF4-FFF2-40B4-BE49-F238E27FC236}">
                <a16:creationId xmlns:a16="http://schemas.microsoft.com/office/drawing/2014/main" id="{BDBB3F8A-DA29-19C8-086A-53FDE49705B4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t="3915" b="9230"/>
          <a:stretch>
            <a:fillRect/>
          </a:stretch>
        </p:blipFill>
        <p:spPr>
          <a:xfrm>
            <a:off x="8480028" y="1480900"/>
            <a:ext cx="3240000" cy="2095100"/>
          </a:xfrm>
          <a:prstGeom prst="rect">
            <a:avLst/>
          </a:prstGeom>
        </p:spPr>
      </p:pic>
      <p:pic>
        <p:nvPicPr>
          <p:cNvPr id="13" name="Bilde 12">
            <a:extLst>
              <a:ext uri="{FF2B5EF4-FFF2-40B4-BE49-F238E27FC236}">
                <a16:creationId xmlns:a16="http://schemas.microsoft.com/office/drawing/2014/main" id="{281144CC-81F0-F529-1951-015CEF3E3FF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480028" y="3764320"/>
            <a:ext cx="3240000" cy="2086217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9920803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DFD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: avrundede hjørner 13">
            <a:extLst>
              <a:ext uri="{FF2B5EF4-FFF2-40B4-BE49-F238E27FC236}">
                <a16:creationId xmlns:a16="http://schemas.microsoft.com/office/drawing/2014/main" id="{8CD62C62-3BD6-2BD5-F272-626627EDECF2}"/>
              </a:ext>
            </a:extLst>
          </p:cNvPr>
          <p:cNvSpPr/>
          <p:nvPr/>
        </p:nvSpPr>
        <p:spPr>
          <a:xfrm>
            <a:off x="6096000" y="546201"/>
            <a:ext cx="5219700" cy="3405673"/>
          </a:xfrm>
          <a:prstGeom prst="roundRect">
            <a:avLst/>
          </a:prstGeom>
          <a:solidFill>
            <a:schemeClr val="accent2">
              <a:alpha val="40000"/>
            </a:schemeClr>
          </a:solidFill>
          <a:ln>
            <a:solidFill>
              <a:schemeClr val="accent2"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 dirty="0"/>
          </a:p>
        </p:txBody>
      </p:sp>
      <p:pic>
        <p:nvPicPr>
          <p:cNvPr id="11" name="Bilde 10">
            <a:extLst>
              <a:ext uri="{FF2B5EF4-FFF2-40B4-BE49-F238E27FC236}">
                <a16:creationId xmlns:a16="http://schemas.microsoft.com/office/drawing/2014/main" id="{885B3759-6EA0-6907-1EDF-40A7E57F6DDD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14874" t="8171" b="12474"/>
          <a:stretch>
            <a:fillRect/>
          </a:stretch>
        </p:blipFill>
        <p:spPr>
          <a:xfrm>
            <a:off x="5396222" y="4397053"/>
            <a:ext cx="2334935" cy="1816901"/>
          </a:xfrm>
          <a:prstGeom prst="rect">
            <a:avLst/>
          </a:prstGeom>
        </p:spPr>
      </p:pic>
      <p:sp>
        <p:nvSpPr>
          <p:cNvPr id="2" name="Tittel 1">
            <a:extLst>
              <a:ext uri="{FF2B5EF4-FFF2-40B4-BE49-F238E27FC236}">
                <a16:creationId xmlns:a16="http://schemas.microsoft.com/office/drawing/2014/main" id="{49F2FF80-B057-2482-305F-E88E057E82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8801" y="286496"/>
            <a:ext cx="11113200" cy="1065600"/>
          </a:xfrm>
        </p:spPr>
        <p:txBody>
          <a:bodyPr/>
          <a:lstStyle/>
          <a:p>
            <a:r>
              <a:rPr lang="nb-NO" dirty="0" err="1"/>
              <a:t>Tilvalgsprosessen</a:t>
            </a:r>
            <a:endParaRPr lang="nb-NO" dirty="0"/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945462FC-B413-6319-3157-EFFF2FF80722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8801" y="958850"/>
            <a:ext cx="4998399" cy="2765849"/>
          </a:xfrm>
        </p:spPr>
        <p:txBody>
          <a:bodyPr/>
          <a:lstStyle/>
          <a:p>
            <a:r>
              <a:rPr lang="nb-NO" sz="1600" dirty="0"/>
              <a:t>Oppdeling i Del 1 og Del 2</a:t>
            </a:r>
            <a:br>
              <a:rPr lang="nb-NO" sz="1600" dirty="0"/>
            </a:br>
            <a:endParaRPr lang="nb-NO" sz="1600" dirty="0"/>
          </a:p>
          <a:p>
            <a:r>
              <a:rPr lang="nb-NO" sz="1600" dirty="0"/>
              <a:t>Del 1 inneholder alt det som påvirker råbygget (betong og stål)</a:t>
            </a:r>
            <a:br>
              <a:rPr lang="nb-NO" sz="1600" dirty="0"/>
            </a:br>
            <a:endParaRPr lang="nb-NO" sz="1600" dirty="0"/>
          </a:p>
          <a:p>
            <a:r>
              <a:rPr lang="nb-NO" sz="1600" dirty="0"/>
              <a:t>Plassering av tekniske føringer (ventilasjon, rør etc.) gjennom/i betong må låses</a:t>
            </a:r>
            <a:br>
              <a:rPr lang="nb-NO" sz="1600" dirty="0"/>
            </a:br>
            <a:endParaRPr lang="nb-NO" sz="1600" dirty="0"/>
          </a:p>
          <a:p>
            <a:r>
              <a:rPr lang="nb-NO" sz="1600" dirty="0"/>
              <a:t>Prefabrikkerte bad heises inn ettersom råbygget reiser seg – derfor må badet låses tidligere</a:t>
            </a: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632776A6-1F1E-BEE4-1ACE-40811B7726D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4</a:t>
            </a:fld>
            <a:endParaRPr lang="nb-NO" dirty="0"/>
          </a:p>
        </p:txBody>
      </p:sp>
      <p:pic>
        <p:nvPicPr>
          <p:cNvPr id="9" name="Bilde 8">
            <a:extLst>
              <a:ext uri="{FF2B5EF4-FFF2-40B4-BE49-F238E27FC236}">
                <a16:creationId xmlns:a16="http://schemas.microsoft.com/office/drawing/2014/main" id="{7F646DEE-BD4B-A560-F696-A08CD219105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6571" b="89904" l="6047" r="93605">
                        <a14:foregroundMark x1="26512" y1="16186" x2="36628" y2="33333"/>
                        <a14:foregroundMark x1="36628" y1="33333" x2="36512" y2="43109"/>
                        <a14:foregroundMark x1="64070" y1="22917" x2="62907" y2="39583"/>
                        <a14:foregroundMark x1="58023" y1="10737" x2="42326" y2="6571"/>
                        <a14:foregroundMark x1="42326" y1="6571" x2="56395" y2="10897"/>
                        <a14:foregroundMark x1="21279" y1="41186" x2="21977" y2="69071"/>
                        <a14:foregroundMark x1="21977" y1="69071" x2="9419" y2="52244"/>
                        <a14:foregroundMark x1="9419" y1="52244" x2="6047" y2="28846"/>
                        <a14:foregroundMark x1="6047" y1="28846" x2="20000" y2="41186"/>
                        <a14:foregroundMark x1="20000" y1="41186" x2="25465" y2="81090"/>
                        <a14:foregroundMark x1="77558" y1="40385" x2="72326" y2="82051"/>
                        <a14:foregroundMark x1="72326" y1="82051" x2="87674" y2="80449"/>
                        <a14:foregroundMark x1="87674" y1="80449" x2="93605" y2="37340"/>
                        <a14:foregroundMark x1="93605" y1="37340" x2="77558" y2="37821"/>
                        <a14:foregroundMark x1="77558" y1="37821" x2="76977" y2="38942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8312419" y="4413954"/>
            <a:ext cx="2480769" cy="1800000"/>
          </a:xfrm>
          <a:prstGeom prst="rect">
            <a:avLst/>
          </a:prstGeom>
        </p:spPr>
      </p:pic>
      <p:sp>
        <p:nvSpPr>
          <p:cNvPr id="13" name="Plassholder for innhold 3">
            <a:extLst>
              <a:ext uri="{FF2B5EF4-FFF2-40B4-BE49-F238E27FC236}">
                <a16:creationId xmlns:a16="http://schemas.microsoft.com/office/drawing/2014/main" id="{9EC6567E-CB2E-2E4E-1B74-E0D2B6DC998F}"/>
              </a:ext>
            </a:extLst>
          </p:cNvPr>
          <p:cNvSpPr txBox="1">
            <a:spLocks/>
          </p:cNvSpPr>
          <p:nvPr/>
        </p:nvSpPr>
        <p:spPr>
          <a:xfrm>
            <a:off x="6477000" y="737500"/>
            <a:ext cx="4667250" cy="32857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16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nb-NO" b="1" dirty="0">
                <a:solidFill>
                  <a:srgbClr val="3A0016"/>
                </a:solidFill>
              </a:rPr>
              <a:t>Del 1</a:t>
            </a:r>
          </a:p>
          <a:p>
            <a:pPr lvl="1"/>
            <a:r>
              <a:rPr lang="nb-NO" dirty="0">
                <a:solidFill>
                  <a:srgbClr val="3A0016"/>
                </a:solidFill>
              </a:rPr>
              <a:t>Nå - 01.09.26</a:t>
            </a:r>
          </a:p>
          <a:p>
            <a:pPr lvl="1"/>
            <a:r>
              <a:rPr lang="nb-NO" dirty="0">
                <a:solidFill>
                  <a:srgbClr val="3A0016"/>
                </a:solidFill>
              </a:rPr>
              <a:t>Alt i baderommet:</a:t>
            </a:r>
          </a:p>
          <a:p>
            <a:pPr lvl="2"/>
            <a:r>
              <a:rPr lang="nb-NO" dirty="0">
                <a:solidFill>
                  <a:srgbClr val="3A0016"/>
                </a:solidFill>
              </a:rPr>
              <a:t>Fliser</a:t>
            </a:r>
          </a:p>
          <a:p>
            <a:pPr lvl="2"/>
            <a:r>
              <a:rPr lang="nb-NO" dirty="0">
                <a:solidFill>
                  <a:srgbClr val="3A0016"/>
                </a:solidFill>
              </a:rPr>
              <a:t>Møbler</a:t>
            </a:r>
          </a:p>
          <a:p>
            <a:pPr lvl="2"/>
            <a:r>
              <a:rPr lang="nb-NO" dirty="0">
                <a:solidFill>
                  <a:srgbClr val="3A0016"/>
                </a:solidFill>
              </a:rPr>
              <a:t>Armatur og garnityr</a:t>
            </a:r>
          </a:p>
          <a:p>
            <a:pPr lvl="2"/>
            <a:r>
              <a:rPr lang="nb-NO" dirty="0">
                <a:solidFill>
                  <a:srgbClr val="3A0016"/>
                </a:solidFill>
              </a:rPr>
              <a:t>Slukrist</a:t>
            </a:r>
          </a:p>
          <a:p>
            <a:pPr lvl="2"/>
            <a:r>
              <a:rPr lang="nb-NO" dirty="0">
                <a:solidFill>
                  <a:srgbClr val="3A0016"/>
                </a:solidFill>
              </a:rPr>
              <a:t>Dusjtoalett</a:t>
            </a:r>
          </a:p>
          <a:p>
            <a:pPr lvl="1"/>
            <a:r>
              <a:rPr lang="nb-NO" dirty="0">
                <a:solidFill>
                  <a:srgbClr val="3A0016"/>
                </a:solidFill>
              </a:rPr>
              <a:t>Generelt farge på stikkontakter og brytere</a:t>
            </a:r>
          </a:p>
          <a:p>
            <a:pPr lvl="1"/>
            <a:r>
              <a:rPr lang="nb-NO" dirty="0">
                <a:solidFill>
                  <a:srgbClr val="3A0016"/>
                </a:solidFill>
              </a:rPr>
              <a:t>Utleiedel</a:t>
            </a:r>
          </a:p>
        </p:txBody>
      </p:sp>
      <p:pic>
        <p:nvPicPr>
          <p:cNvPr id="6" name="Bilde 5">
            <a:extLst>
              <a:ext uri="{FF2B5EF4-FFF2-40B4-BE49-F238E27FC236}">
                <a16:creationId xmlns:a16="http://schemas.microsoft.com/office/drawing/2014/main" id="{B6882385-47C5-B228-9D1A-1776F3774E3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ackgroundRemoval t="2822" b="89859" l="7608" r="91388">
                        <a14:foregroundMark x1="39522" y1="14815" x2="49952" y2="2910"/>
                        <a14:foregroundMark x1="49952" y1="2910" x2="40766" y2="14991"/>
                        <a14:foregroundMark x1="40766" y1="14991" x2="40287" y2="15079"/>
                        <a14:foregroundMark x1="10048" y1="26984" x2="4163" y2="45062"/>
                        <a14:foregroundMark x1="4163" y1="45062" x2="8660" y2="88889"/>
                        <a14:foregroundMark x1="8660" y1="88889" x2="20000" y2="95326"/>
                        <a14:foregroundMark x1="20000" y1="95326" x2="88421" y2="81746"/>
                        <a14:foregroundMark x1="88421" y1="81746" x2="94306" y2="57937"/>
                        <a14:foregroundMark x1="94306" y1="57937" x2="95933" y2="36332"/>
                        <a14:foregroundMark x1="95933" y1="36332" x2="89522" y2="17108"/>
                        <a14:foregroundMark x1="89522" y1="17108" x2="91388" y2="41005"/>
                        <a14:foregroundMark x1="91388" y1="41005" x2="89234" y2="69665"/>
                        <a14:foregroundMark x1="89234" y1="69665" x2="77512" y2="78219"/>
                        <a14:foregroundMark x1="77512" y1="78219" x2="10048" y2="85009"/>
                        <a14:foregroundMark x1="10048" y1="85009" x2="10622" y2="27337"/>
                        <a14:foregroundMark x1="6890" y1="31217" x2="5502" y2="79012"/>
                        <a14:foregroundMark x1="5502" y1="79012" x2="11053" y2="51675"/>
                        <a14:foregroundMark x1="11053" y1="51675" x2="7703" y2="31041"/>
                        <a14:foregroundMark x1="7703" y1="31041" x2="7608" y2="30864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792000" y="4153776"/>
            <a:ext cx="4219810" cy="228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99963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DFD9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E1DC96A2-2C29-9826-6ABA-C84D0421A96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ktangel: avrundede hjørner 15">
            <a:extLst>
              <a:ext uri="{FF2B5EF4-FFF2-40B4-BE49-F238E27FC236}">
                <a16:creationId xmlns:a16="http://schemas.microsoft.com/office/drawing/2014/main" id="{51BD575E-1260-DE88-15C3-5622DDD5F9D9}"/>
              </a:ext>
            </a:extLst>
          </p:cNvPr>
          <p:cNvSpPr/>
          <p:nvPr/>
        </p:nvSpPr>
        <p:spPr>
          <a:xfrm>
            <a:off x="6940550" y="1006748"/>
            <a:ext cx="3994150" cy="3736701"/>
          </a:xfrm>
          <a:prstGeom prst="roundRect">
            <a:avLst/>
          </a:prstGeom>
          <a:solidFill>
            <a:schemeClr val="accent2">
              <a:alpha val="40000"/>
            </a:schemeClr>
          </a:solidFill>
          <a:ln>
            <a:solidFill>
              <a:schemeClr val="accent2"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 dirty="0"/>
          </a:p>
        </p:txBody>
      </p:sp>
      <p:sp>
        <p:nvSpPr>
          <p:cNvPr id="2" name="Tittel 1">
            <a:extLst>
              <a:ext uri="{FF2B5EF4-FFF2-40B4-BE49-F238E27FC236}">
                <a16:creationId xmlns:a16="http://schemas.microsoft.com/office/drawing/2014/main" id="{CABB765D-C711-D8B2-F47C-861D0DCE46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err="1"/>
              <a:t>Tilvalgsprosessen</a:t>
            </a:r>
            <a:endParaRPr lang="nb-NO" dirty="0"/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A2E0E8E1-0DEE-3CA4-21BC-9B96ED99F65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8801" y="1482352"/>
            <a:ext cx="5557199" cy="1296701"/>
          </a:xfrm>
        </p:spPr>
        <p:txBody>
          <a:bodyPr/>
          <a:lstStyle/>
          <a:p>
            <a:r>
              <a:rPr lang="nb-NO" dirty="0"/>
              <a:t>Det som ikke påvirker råbygget kan velges senere – del 2</a:t>
            </a:r>
          </a:p>
          <a:p>
            <a:endParaRPr lang="nb-NO" dirty="0"/>
          </a:p>
          <a:p>
            <a:r>
              <a:rPr lang="nb-NO" dirty="0"/>
              <a:t>Må låses før tømmerarbeidet på vegger begynner</a:t>
            </a: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1FBF7D4E-4EF6-3770-E347-62BD9473C07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5</a:t>
            </a:fld>
            <a:endParaRPr lang="nb-NO" dirty="0"/>
          </a:p>
        </p:txBody>
      </p:sp>
      <p:sp>
        <p:nvSpPr>
          <p:cNvPr id="12" name="Plassholder for innhold 3">
            <a:extLst>
              <a:ext uri="{FF2B5EF4-FFF2-40B4-BE49-F238E27FC236}">
                <a16:creationId xmlns:a16="http://schemas.microsoft.com/office/drawing/2014/main" id="{BB306A50-BD30-E25F-8C79-B8416FF3C361}"/>
              </a:ext>
            </a:extLst>
          </p:cNvPr>
          <p:cNvSpPr txBox="1">
            <a:spLocks/>
          </p:cNvSpPr>
          <p:nvPr/>
        </p:nvSpPr>
        <p:spPr>
          <a:xfrm>
            <a:off x="7488268" y="1315250"/>
            <a:ext cx="3250950" cy="3285749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16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nb-NO" b="1" dirty="0">
                <a:solidFill>
                  <a:srgbClr val="3A0016"/>
                </a:solidFill>
              </a:rPr>
              <a:t>Del 2</a:t>
            </a:r>
          </a:p>
          <a:p>
            <a:pPr marL="431800" lvl="1" indent="-215900"/>
            <a:r>
              <a:rPr lang="nb-NO">
                <a:solidFill>
                  <a:srgbClr val="3A0016"/>
                </a:solidFill>
              </a:rPr>
              <a:t>Nyttår - 01.04.26 </a:t>
            </a:r>
            <a:br>
              <a:rPr lang="nb-NO" dirty="0">
                <a:solidFill>
                  <a:srgbClr val="3A0016"/>
                </a:solidFill>
              </a:rPr>
            </a:br>
            <a:r>
              <a:rPr lang="nb-NO">
                <a:solidFill>
                  <a:srgbClr val="3A0016"/>
                </a:solidFill>
              </a:rPr>
              <a:t>(mer info om frist kommer)</a:t>
            </a:r>
          </a:p>
          <a:p>
            <a:pPr lvl="1"/>
            <a:r>
              <a:rPr lang="nb-NO" dirty="0">
                <a:solidFill>
                  <a:srgbClr val="3A0016"/>
                </a:solidFill>
              </a:rPr>
              <a:t>Kjøkken</a:t>
            </a:r>
          </a:p>
          <a:p>
            <a:pPr lvl="1"/>
            <a:r>
              <a:rPr lang="nb-NO" dirty="0">
                <a:solidFill>
                  <a:srgbClr val="3A0016"/>
                </a:solidFill>
              </a:rPr>
              <a:t>Innerdører og vridere</a:t>
            </a:r>
          </a:p>
          <a:p>
            <a:pPr lvl="1"/>
            <a:r>
              <a:rPr lang="nb-NO" dirty="0">
                <a:solidFill>
                  <a:srgbClr val="3A0016"/>
                </a:solidFill>
              </a:rPr>
              <a:t>Parkett</a:t>
            </a:r>
          </a:p>
          <a:p>
            <a:pPr lvl="1"/>
            <a:r>
              <a:rPr lang="nb-NO" dirty="0">
                <a:solidFill>
                  <a:srgbClr val="3A0016"/>
                </a:solidFill>
              </a:rPr>
              <a:t>Maling</a:t>
            </a:r>
          </a:p>
          <a:p>
            <a:pPr lvl="1"/>
            <a:r>
              <a:rPr lang="nb-NO" dirty="0">
                <a:solidFill>
                  <a:srgbClr val="3A0016"/>
                </a:solidFill>
              </a:rPr>
              <a:t>Solskjerming</a:t>
            </a:r>
          </a:p>
          <a:p>
            <a:pPr lvl="1"/>
            <a:r>
              <a:rPr lang="nb-NO" dirty="0">
                <a:solidFill>
                  <a:srgbClr val="3A0016"/>
                </a:solidFill>
              </a:rPr>
              <a:t>El-bil lader</a:t>
            </a:r>
          </a:p>
          <a:p>
            <a:pPr lvl="1"/>
            <a:r>
              <a:rPr lang="nb-NO" dirty="0">
                <a:solidFill>
                  <a:srgbClr val="3A0016"/>
                </a:solidFill>
              </a:rPr>
              <a:t>Elektropunkter</a:t>
            </a:r>
          </a:p>
          <a:p>
            <a:pPr marL="431800" lvl="1" indent="-215900"/>
            <a:r>
              <a:rPr lang="nb-NO">
                <a:solidFill>
                  <a:srgbClr val="3A0016"/>
                </a:solidFill>
              </a:rPr>
              <a:t>Lyspakker</a:t>
            </a:r>
          </a:p>
        </p:txBody>
      </p:sp>
      <p:pic>
        <p:nvPicPr>
          <p:cNvPr id="15" name="Bilde 14">
            <a:extLst>
              <a:ext uri="{FF2B5EF4-FFF2-40B4-BE49-F238E27FC236}">
                <a16:creationId xmlns:a16="http://schemas.microsoft.com/office/drawing/2014/main" id="{0594B934-6B17-820A-EAA8-79D1EA611E82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t="13613"/>
          <a:stretch>
            <a:fillRect/>
          </a:stretch>
        </p:blipFill>
        <p:spPr>
          <a:xfrm>
            <a:off x="3073400" y="3097219"/>
            <a:ext cx="3503308" cy="3007560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BED95167-479A-5AB7-15E0-23333B851A6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317" y="3097219"/>
            <a:ext cx="2255670" cy="30075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668974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DFD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: avrundede hjørner 3">
            <a:extLst>
              <a:ext uri="{FF2B5EF4-FFF2-40B4-BE49-F238E27FC236}">
                <a16:creationId xmlns:a16="http://schemas.microsoft.com/office/drawing/2014/main" id="{DB7BF188-3AF6-4587-8381-123FA831B559}"/>
              </a:ext>
            </a:extLst>
          </p:cNvPr>
          <p:cNvSpPr/>
          <p:nvPr/>
        </p:nvSpPr>
        <p:spPr>
          <a:xfrm>
            <a:off x="2051050" y="1476648"/>
            <a:ext cx="7759700" cy="3736701"/>
          </a:xfrm>
          <a:prstGeom prst="roundRect">
            <a:avLst/>
          </a:prstGeom>
          <a:solidFill>
            <a:schemeClr val="accent2">
              <a:alpha val="40000"/>
            </a:schemeClr>
          </a:solidFill>
          <a:ln>
            <a:solidFill>
              <a:schemeClr val="accent2"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 dirty="0"/>
          </a:p>
        </p:txBody>
      </p:sp>
      <p:sp>
        <p:nvSpPr>
          <p:cNvPr id="2" name="Tittel 1">
            <a:extLst>
              <a:ext uri="{FF2B5EF4-FFF2-40B4-BE49-F238E27FC236}">
                <a16:creationId xmlns:a16="http://schemas.microsoft.com/office/drawing/2014/main" id="{096BC33C-A2F7-E15A-4FCA-2B29CEE505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47849" y="2368950"/>
            <a:ext cx="7861301" cy="2507850"/>
          </a:xfrm>
        </p:spPr>
        <p:txBody>
          <a:bodyPr/>
          <a:lstStyle/>
          <a:p>
            <a:pPr algn="ctr"/>
            <a:r>
              <a:rPr lang="nb-NO" sz="7200" dirty="0"/>
              <a:t>Tilvalgsportalen</a:t>
            </a:r>
            <a:br>
              <a:rPr lang="nb-NO" sz="7200" dirty="0"/>
            </a:br>
            <a:r>
              <a:rPr lang="nb-NO" sz="7200" dirty="0" err="1"/>
              <a:t>Rucoria</a:t>
            </a:r>
            <a:endParaRPr lang="nb-NO" sz="7200" dirty="0"/>
          </a:p>
        </p:txBody>
      </p:sp>
      <p:sp>
        <p:nvSpPr>
          <p:cNvPr id="3" name="Undertittel 2">
            <a:extLst>
              <a:ext uri="{FF2B5EF4-FFF2-40B4-BE49-F238E27FC236}">
                <a16:creationId xmlns:a16="http://schemas.microsoft.com/office/drawing/2014/main" id="{9A2326EF-DD5A-CDA2-B141-757F37CD85EC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9D921C03-1463-CB26-F961-564A7A5F105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6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0005105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DA4E8C4A-474B-499F-B22C-49214F2A9D06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nb-NO" smtClean="0"/>
              <a:pPr/>
              <a:t>7</a:t>
            </a:fld>
            <a:endParaRPr lang="nb-NO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85174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shall\AppData\Local\Temp\Templafy\PowerPointVsto\Assets\e1232cca-8f58-423a-8095-005bbda10af7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shall\AppData\Local\Temp\Templafy\PowerPointVsto\Assets\b06f88d1-c8b5-4c9d-b0e0-51b8babcee94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shall\AppData\Local\Temp\Templafy\PowerPointVsto\Assets\bfaa62d6-d9d8-4cd3-9ffe-b3122e88b9cc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7391023"/>
</p:tagLst>
</file>

<file path=ppt/theme/theme1.xml><?xml version="1.0" encoding="utf-8"?>
<a:theme xmlns:a="http://schemas.openxmlformats.org/drawingml/2006/main" name="Blank">
  <a:themeElements>
    <a:clrScheme name="Veidekke 2024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33335C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spcAft>
            <a:spcPts val="600"/>
          </a:spcAft>
          <a:defRPr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dirty="0" smtClean="0">
            <a:solidFill>
              <a:schemeClr val="tx2"/>
            </a:solidFill>
          </a:defRPr>
        </a:defPPr>
      </a:lstStyle>
    </a:txDef>
  </a:objectDefaults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BE63639B-00EC-40F9-BDAD-6A9936785324}" vid="{F7C00E83-EC97-4EF3-A141-5231F1D1CD91}"/>
    </a:ext>
  </a:extLst>
</a:theme>
</file>

<file path=ppt/theme/theme2.xml><?xml version="1.0" encoding="utf-8"?>
<a:theme xmlns:a="http://schemas.openxmlformats.org/drawingml/2006/main" name="Office-tema">
  <a:themeElements>
    <a:clrScheme name="Veidekke 2024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33335C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Veidekke 2024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33335C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slideVersion":1,"isValidatorEnabled":false,"isLocked":false,"elementsMetadata":[],"slideId":"1400895024264380417","enableDocumentContentUpdater":false,"version":"2.0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slideVersion":1,"isValidatorEnabled":false,"isLocked":false,"elementsMetadata":[],"slideId":"1338706706889965571","enableDocumentContentUpdater":false,"version":"2.0"}]]></TemplafySlideTemplateConfiguration>
</file>

<file path=customXml/item1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E6B404F7BADACE44BCE6FBA481B11061" ma:contentTypeVersion="27" ma:contentTypeDescription="Create a new document." ma:contentTypeScope="" ma:versionID="d2fb444e2a38f580817d68e14a377b7c">
  <xsd:schema xmlns:xsd="http://www.w3.org/2001/XMLSchema" xmlns:xs="http://www.w3.org/2001/XMLSchema" xmlns:p="http://schemas.microsoft.com/office/2006/metadata/properties" xmlns:ns2="e449c124-ea63-49fe-9c48-97579c593c30" xmlns:ns3="d30b2936-a36f-4840-837c-547985095fd2" targetNamespace="http://schemas.microsoft.com/office/2006/metadata/properties" ma:root="true" ma:fieldsID="ee3c0dedd490d3e7e31cf5883732ddca" ns2:_="" ns3:_="">
    <xsd:import namespace="e449c124-ea63-49fe-9c48-97579c593c30"/>
    <xsd:import namespace="d30b2936-a36f-4840-837c-547985095fd2"/>
    <xsd:element name="properties">
      <xsd:complexType>
        <xsd:sequence>
          <xsd:element name="documentManagement">
            <xsd:complexType>
              <xsd:all>
                <xsd:element ref="ns2:a063ae0ea81541cba35606fe2622259b" minOccurs="0"/>
                <xsd:element ref="ns2:TaxCatchAll" minOccurs="0"/>
                <xsd:element ref="ns2:kc4651ce382546119c07d0878170c286" minOccurs="0"/>
                <xsd:element ref="ns2:f5c54caffd834e2fa3ea993cffe02a20" minOccurs="0"/>
                <xsd:element ref="ns2:mc95744479d24e88a993b01b2952fb12" minOccurs="0"/>
                <xsd:element ref="ns3:MediaServiceMetadata" minOccurs="0"/>
                <xsd:element ref="ns3:MediaServiceFastMetadata" minOccurs="0"/>
                <xsd:element ref="ns3:MediaServiceSearchProperties" minOccurs="0"/>
                <xsd:element ref="ns3:MediaServiceObjectDetectorVersions" minOccurs="0"/>
                <xsd:element ref="ns3:lcf76f155ced4ddcb4097134ff3c332f" minOccurs="0"/>
                <xsd:element ref="ns3:MediaServiceDateTaken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2:SharedWithUsers" minOccurs="0"/>
                <xsd:element ref="ns2:SharedWithDetails" minOccurs="0"/>
                <xsd:element ref="ns3:MediaServiceLocation" minOccurs="0"/>
                <xsd:element ref="ns3:MediaLengthInSeconds" minOccurs="0"/>
                <xsd:element ref="ns3:ArchiverLinkFileType" minOccurs="0"/>
                <xsd:element ref="ns3:STTaskId" minOccurs="0"/>
                <xsd:element ref="ns3:STTaskTemplateId" minOccurs="0"/>
                <xsd:element ref="ns3:STVersionNumbe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449c124-ea63-49fe-9c48-97579c593c30" elementFormDefault="qualified">
    <xsd:import namespace="http://schemas.microsoft.com/office/2006/documentManagement/types"/>
    <xsd:import namespace="http://schemas.microsoft.com/office/infopath/2007/PartnerControls"/>
    <xsd:element name="a063ae0ea81541cba35606fe2622259b" ma:index="9" nillable="true" ma:taxonomy="true" ma:internalName="a063ae0ea81541cba35606fe2622259b" ma:taxonomyFieldName="VD_Country" ma:displayName="{parameter:GenericFieldsPrefix}Country" ma:fieldId="{a063ae0e-a815-41cb-a356-06fe2622259b}" ma:sspId="dc6d2205-f549-40ef-94bf-1bd95fe0bdba" ma:termSetId="40cf488b-91d2-4014-b51e-fa5dfd8beb3e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axCatchAll" ma:index="10" nillable="true" ma:displayName="Taxonomy Catch All Column" ma:hidden="true" ma:list="{3e568b6b-fd1c-4352-9b4a-4899656e92ed}" ma:internalName="TaxCatchAll" ma:showField="CatchAllData" ma:web="e449c124-ea63-49fe-9c48-97579c593c3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kc4651ce382546119c07d0878170c286" ma:index="12" nillable="true" ma:taxonomy="true" ma:internalName="kc4651ce382546119c07d0878170c286" ma:taxonomyFieldName="VD_ProjectCategory" ma:displayName="{parameter:GenericFieldsPrefix}ProjectCategory" ma:fieldId="{4c4651ce-3825-4611-9c07-d0878170c286}" ma:sspId="dc6d2205-f549-40ef-94bf-1bd95fe0bdba" ma:termSetId="3bebdf44-a06c-44bf-8160-840a5c37e82d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f5c54caffd834e2fa3ea993cffe02a20" ma:index="14" nillable="true" ma:taxonomy="true" ma:internalName="f5c54caffd834e2fa3ea993cffe02a20" ma:taxonomyFieldName="VD_ProjectNumber" ma:displayName="{parameter:GenericFieldsPrefix}ProjectNumber" ma:fieldId="{f5c54caf-fd83-4e2f-a3ea-993cffe02a20}" ma:sspId="dc6d2205-f549-40ef-94bf-1bd95fe0bdba" ma:termSetId="be98d96a-b6a9-46f0-862e-54d4168ed90e" ma:anchorId="00000000-0000-0000-0000-000000000000" ma:open="true" ma:isKeyword="false">
      <xsd:complexType>
        <xsd:sequence>
          <xsd:element ref="pc:Terms" minOccurs="0" maxOccurs="1"/>
        </xsd:sequence>
      </xsd:complexType>
    </xsd:element>
    <xsd:element name="mc95744479d24e88a993b01b2952fb12" ma:index="16" nillable="true" ma:taxonomy="true" ma:internalName="mc95744479d24e88a993b01b2952fb12" ma:taxonomyFieldName="VD_Organization" ma:displayName="{parameter:GenericFieldsPrefix}Organization" ma:fieldId="{6c957444-79d2-4e88-a993-b01b2952fb12}" ma:sspId="dc6d2205-f549-40ef-94bf-1bd95fe0bdba" ma:termSetId="4de6bab4-212f-4f17-b273-1d73b191953c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SharedWithUsers" ma:index="27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8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30b2936-a36f-4840-837c-547985095fd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7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8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9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2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22" nillable="true" ma:taxonomy="true" ma:internalName="lcf76f155ced4ddcb4097134ff3c332f" ma:taxonomyFieldName="MediaServiceImageTags" ma:displayName="Image Tags" ma:readOnly="false" ma:fieldId="{5cf76f15-5ced-4ddc-b409-7134ff3c332f}" ma:taxonomyMulti="true" ma:sspId="dc6d2205-f549-40ef-94bf-1bd95fe0bdb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23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2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2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9" nillable="true" ma:displayName="Location" ma:indexed="true" ma:internalName="MediaServiceLocation" ma:readOnly="true">
      <xsd:simpleType>
        <xsd:restriction base="dms:Text"/>
      </xsd:simpleType>
    </xsd:element>
    <xsd:element name="MediaLengthInSeconds" ma:index="30" nillable="true" ma:displayName="MediaLengthInSeconds" ma:hidden="true" ma:internalName="MediaLengthInSeconds" ma:readOnly="true">
      <xsd:simpleType>
        <xsd:restriction base="dms:Unknown"/>
      </xsd:simpleType>
    </xsd:element>
    <xsd:element name="ArchiverLinkFileType" ma:index="31" nillable="true" ma:displayName="ArchiverLinkFileType" ma:hidden="true" ma:internalName="ArchiverLinkFileType">
      <xsd:simpleType>
        <xsd:restriction base="dms:Text"/>
      </xsd:simpleType>
    </xsd:element>
    <xsd:element name="STTaskId" ma:index="32" nillable="true" ma:displayName="STTaskId" ma:indexed="true" ma:internalName="STTaskId">
      <xsd:simpleType>
        <xsd:restriction base="dms:Text">
          <xsd:maxLength value="255"/>
        </xsd:restriction>
      </xsd:simpleType>
    </xsd:element>
    <xsd:element name="STTaskTemplateId" ma:index="33" nillable="true" ma:displayName="STTaskTemplateId" ma:internalName="STTaskTemplateId">
      <xsd:simpleType>
        <xsd:restriction base="dms:Text">
          <xsd:maxLength value="255"/>
        </xsd:restriction>
      </xsd:simpleType>
    </xsd:element>
    <xsd:element name="STVersionNumber" ma:index="34" nillable="true" ma:displayName="Revisjonsversion" ma:internalName="STVersionNumber">
      <xsd:simpleType>
        <xsd:restriction base="dms:Text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FormConfiguration><![CDATA[{"formFields":[],"formDataEntries":[]}]]></TemplafyFormConfiguration>
</file>

<file path=customXml/item4.xml><?xml version="1.0" encoding="utf-8"?>
<TemplafyTemplateConfiguration><![CDATA[{"elementsMetadata":[],"transformationConfigurations":[{"language":"{{DocumentLanguage}}","disableUpdates":false,"type":"proofingLanguage"}],"templateName":"Blank","templateDescription":"","enableDocumentContentUpdater":true,"version":"2.0"}]]></TemplafyTemplateConfiguration>
</file>

<file path=customXml/item5.xml><?xml version="1.0" encoding="utf-8"?>
<TemplafySlideTemplateConfiguration><![CDATA[{"slideVersion":1,"isValidatorEnabled":false,"isLocked":false,"elementsMetadata":[],"slideId":"1338706706889965568","enableDocumentContentUpdater":false,"version":"2.0"}]]></TemplafySlideTemplateConfiguration>
</file>

<file path=customXml/item6.xml><?xml version="1.0" encoding="utf-8"?>
<TemplafySlideTemplateConfiguration><![CDATA[{"slideVersion":1,"isValidatorEnabled":false,"isLocked":false,"elementsMetadata":[],"slideId":"1338706706889965570","enableDocumentContentUpdater":false,"version":"2.0"}]]></TemplafySlideTemplateConfiguration>
</file>

<file path=customXml/item7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c95744479d24e88a993b01b2952fb12 xmlns="e449c124-ea63-49fe-9c48-97579c593c30">
      <Terms xmlns="http://schemas.microsoft.com/office/infopath/2007/PartnerControls">
        <TermInfo xmlns="http://schemas.microsoft.com/office/infopath/2007/PartnerControls">
          <TermName xmlns="http://schemas.microsoft.com/office/infopath/2007/PartnerControls">Bolig</TermName>
          <TermId xmlns="http://schemas.microsoft.com/office/infopath/2007/PartnerControls">9af1feca-e5f9-4fdc-b380-acabf7c52bd5</TermId>
        </TermInfo>
      </Terms>
    </mc95744479d24e88a993b01b2952fb12>
    <kc4651ce382546119c07d0878170c286 xmlns="e449c124-ea63-49fe-9c48-97579c593c30">
      <Terms xmlns="http://schemas.microsoft.com/office/infopath/2007/PartnerControls"/>
    </kc4651ce382546119c07d0878170c286>
    <f5c54caffd834e2fa3ea993cffe02a20 xmlns="e449c124-ea63-49fe-9c48-97579c593c30">
      <Terms xmlns="http://schemas.microsoft.com/office/infopath/2007/PartnerControls"/>
    </f5c54caffd834e2fa3ea993cffe02a20>
    <ArchiverLinkFileType xmlns="d30b2936-a36f-4840-837c-547985095fd2" xsi:nil="true"/>
    <STTaskId xmlns="d30b2936-a36f-4840-837c-547985095fd2" xsi:nil="true"/>
    <a063ae0ea81541cba35606fe2622259b xmlns="e449c124-ea63-49fe-9c48-97579c593c30">
      <Terms xmlns="http://schemas.microsoft.com/office/infopath/2007/PartnerControls">
        <TermInfo xmlns="http://schemas.microsoft.com/office/infopath/2007/PartnerControls">
          <TermName xmlns="http://schemas.microsoft.com/office/infopath/2007/PartnerControls">Norge</TermName>
          <TermId xmlns="http://schemas.microsoft.com/office/infopath/2007/PartnerControls">eeab8bf1-76d1-4f92-aee9-f4aa0915eacc</TermId>
        </TermInfo>
      </Terms>
    </a063ae0ea81541cba35606fe2622259b>
    <STVersionNumber xmlns="d30b2936-a36f-4840-837c-547985095fd2" xsi:nil="true"/>
    <lcf76f155ced4ddcb4097134ff3c332f xmlns="d30b2936-a36f-4840-837c-547985095fd2">
      <Terms xmlns="http://schemas.microsoft.com/office/infopath/2007/PartnerControls"/>
    </lcf76f155ced4ddcb4097134ff3c332f>
    <TaxCatchAll xmlns="e449c124-ea63-49fe-9c48-97579c593c30">
      <Value>2</Value>
      <Value>1</Value>
    </TaxCatchAll>
    <STTaskTemplateId xmlns="d30b2936-a36f-4840-837c-547985095fd2" xsi:nil="true"/>
  </documentManagement>
</p:properties>
</file>

<file path=customXml/item8.xml><?xml version="1.0" encoding="utf-8"?>
<TemplafySlideFormConfiguration><![CDATA[{"formFields":[],"formDataEntries":[]}]]></TemplafySlideFormConfiguration>
</file>

<file path=customXml/item9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51A937CB-B44E-436B-9D76-2894A06E3939}">
  <ds:schemaRefs/>
</ds:datastoreItem>
</file>

<file path=customXml/itemProps10.xml><?xml version="1.0" encoding="utf-8"?>
<ds:datastoreItem xmlns:ds="http://schemas.openxmlformats.org/officeDocument/2006/customXml" ds:itemID="{16DE210B-4A47-4E52-8467-6DEBC1B3B7C8}">
  <ds:schemaRefs/>
</ds:datastoreItem>
</file>

<file path=customXml/itemProps11.xml><?xml version="1.0" encoding="utf-8"?>
<ds:datastoreItem xmlns:ds="http://schemas.openxmlformats.org/officeDocument/2006/customXml" ds:itemID="{FBDB6729-19CB-449D-BAB9-B0588B5EEC5C}">
  <ds:schemaRefs/>
</ds:datastoreItem>
</file>

<file path=customXml/itemProps12.xml><?xml version="1.0" encoding="utf-8"?>
<ds:datastoreItem xmlns:ds="http://schemas.openxmlformats.org/officeDocument/2006/customXml" ds:itemID="{5D512BE4-9D27-4C6B-844E-087652202F3D}">
  <ds:schemaRefs/>
</ds:datastoreItem>
</file>

<file path=customXml/itemProps13.xml><?xml version="1.0" encoding="utf-8"?>
<ds:datastoreItem xmlns:ds="http://schemas.openxmlformats.org/officeDocument/2006/customXml" ds:itemID="{283E9D30-8C60-49C5-9384-0B2A3CA8EDB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449c124-ea63-49fe-9c48-97579c593c30"/>
    <ds:schemaRef ds:uri="d30b2936-a36f-4840-837c-547985095fd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8DC401BE-F44F-4C08-A50D-145656DAC038}">
  <ds:schemaRefs/>
</ds:datastoreItem>
</file>

<file path=customXml/itemProps3.xml><?xml version="1.0" encoding="utf-8"?>
<ds:datastoreItem xmlns:ds="http://schemas.openxmlformats.org/officeDocument/2006/customXml" ds:itemID="{66FD51B9-83F1-43BC-AA96-BD43703FE846}">
  <ds:schemaRefs/>
</ds:datastoreItem>
</file>

<file path=customXml/itemProps4.xml><?xml version="1.0" encoding="utf-8"?>
<ds:datastoreItem xmlns:ds="http://schemas.openxmlformats.org/officeDocument/2006/customXml" ds:itemID="{EA1FE7B0-8006-489E-AE98-9950FE63513A}">
  <ds:schemaRefs/>
</ds:datastoreItem>
</file>

<file path=customXml/itemProps5.xml><?xml version="1.0" encoding="utf-8"?>
<ds:datastoreItem xmlns:ds="http://schemas.openxmlformats.org/officeDocument/2006/customXml" ds:itemID="{E24FCB84-F4C9-466D-87CD-96A8D1285FF8}">
  <ds:schemaRefs/>
</ds:datastoreItem>
</file>

<file path=customXml/itemProps6.xml><?xml version="1.0" encoding="utf-8"?>
<ds:datastoreItem xmlns:ds="http://schemas.openxmlformats.org/officeDocument/2006/customXml" ds:itemID="{C34807AC-71DC-4647-96CB-2B35236157BB}">
  <ds:schemaRefs/>
</ds:datastoreItem>
</file>

<file path=customXml/itemProps7.xml><?xml version="1.0" encoding="utf-8"?>
<ds:datastoreItem xmlns:ds="http://schemas.openxmlformats.org/officeDocument/2006/customXml" ds:itemID="{6633FE32-C7B5-43AB-8574-4A7FDFA86EE5}">
  <ds:schemaRefs>
    <ds:schemaRef ds:uri="http://schemas.microsoft.com/office/2006/metadata/properties"/>
    <ds:schemaRef ds:uri="http://schemas.microsoft.com/office/infopath/2007/PartnerControls"/>
    <ds:schemaRef ds:uri="e449c124-ea63-49fe-9c48-97579c593c30"/>
    <ds:schemaRef ds:uri="d30b2936-a36f-4840-837c-547985095fd2"/>
  </ds:schemaRefs>
</ds:datastoreItem>
</file>

<file path=customXml/itemProps8.xml><?xml version="1.0" encoding="utf-8"?>
<ds:datastoreItem xmlns:ds="http://schemas.openxmlformats.org/officeDocument/2006/customXml" ds:itemID="{398D3A8E-F762-4362-BC50-275A128F6167}">
  <ds:schemaRefs/>
</ds:datastoreItem>
</file>

<file path=customXml/itemProps9.xml><?xml version="1.0" encoding="utf-8"?>
<ds:datastoreItem xmlns:ds="http://schemas.openxmlformats.org/officeDocument/2006/customXml" ds:itemID="{ACF4E26E-05A9-4C30-8011-31227D9C5085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29</TotalTime>
  <Words>250</Words>
  <Application>Microsoft Office PowerPoint</Application>
  <PresentationFormat>Widescreen</PresentationFormat>
  <Paragraphs>84</Paragraphs>
  <Slides>7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8" baseType="lpstr">
      <vt:lpstr>Blank</vt:lpstr>
      <vt:lpstr>LENSCHOWS Tilvalg</vt:lpstr>
      <vt:lpstr>Dette er Veidekke</vt:lpstr>
      <vt:lpstr>Veidekke i Lenschows-prosjektet</vt:lpstr>
      <vt:lpstr>Tilvalgsprosessen</vt:lpstr>
      <vt:lpstr>Tilvalgsprosessen</vt:lpstr>
      <vt:lpstr>Tilvalgsportalen Rucoria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Randi Nilsen</dc:creator>
  <cp:lastModifiedBy>André Torset</cp:lastModifiedBy>
  <cp:revision>18</cp:revision>
  <dcterms:created xsi:type="dcterms:W3CDTF">2026-01-14T06:20:32Z</dcterms:created>
  <dcterms:modified xsi:type="dcterms:W3CDTF">2026-06-23T08:02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omnidocs.com</vt:lpwstr>
  </property>
  <property fmtid="{D5CDD505-2E9C-101B-9397-08002B2CF9AE}" pid="3" name="TemplafyTimeStamp">
    <vt:lpwstr>2025-12-09T18:32:52</vt:lpwstr>
  </property>
  <property fmtid="{D5CDD505-2E9C-101B-9397-08002B2CF9AE}" pid="4" name="TemplafyTenantId">
    <vt:lpwstr>veidekke</vt:lpwstr>
  </property>
  <property fmtid="{D5CDD505-2E9C-101B-9397-08002B2CF9AE}" pid="5" name="TemplafyTemplateId">
    <vt:lpwstr>1338706697633923076</vt:lpwstr>
  </property>
  <property fmtid="{D5CDD505-2E9C-101B-9397-08002B2CF9AE}" pid="6" name="TemplafyUserProfileId">
    <vt:lpwstr>1333078297587744772</vt:lpwstr>
  </property>
  <property fmtid="{D5CDD505-2E9C-101B-9397-08002B2CF9AE}" pid="7" name="TemplafyLanguageCode">
    <vt:lpwstr>nb-NO</vt:lpwstr>
  </property>
  <property fmtid="{D5CDD505-2E9C-101B-9397-08002B2CF9AE}" pid="8" name="TemplafyFromBlank">
    <vt:bool>true</vt:bool>
  </property>
  <property fmtid="{D5CDD505-2E9C-101B-9397-08002B2CF9AE}" pid="9" name="VD_ProjectNumber">
    <vt:lpwstr/>
  </property>
  <property fmtid="{D5CDD505-2E9C-101B-9397-08002B2CF9AE}" pid="10" name="MediaServiceImageTags">
    <vt:lpwstr/>
  </property>
  <property fmtid="{D5CDD505-2E9C-101B-9397-08002B2CF9AE}" pid="11" name="ContentTypeId">
    <vt:lpwstr>0x010100E6B404F7BADACE44BCE6FBA481B11061</vt:lpwstr>
  </property>
  <property fmtid="{D5CDD505-2E9C-101B-9397-08002B2CF9AE}" pid="12" name="VD_ProjectCategory">
    <vt:lpwstr/>
  </property>
  <property fmtid="{D5CDD505-2E9C-101B-9397-08002B2CF9AE}" pid="13" name="VD_Country">
    <vt:lpwstr>1;#Norge|eeab8bf1-76d1-4f92-aee9-f4aa0915eacc</vt:lpwstr>
  </property>
  <property fmtid="{D5CDD505-2E9C-101B-9397-08002B2CF9AE}" pid="14" name="VD_Organization">
    <vt:lpwstr>2;#Bolig|9af1feca-e5f9-4fdc-b380-acabf7c52bd5</vt:lpwstr>
  </property>
</Properties>
</file>